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336\02_人材確保グループ\15_看護職\493_看護業務等アシスト機器導入支援事業\07_実績報告\01_提出依頼\施行\HP\"/>
    </mc:Choice>
  </mc:AlternateContent>
  <xr:revisionPtr revIDLastSave="0" documentId="8_{90A82692-9B39-4291-8B93-D21C06C9D5FF}" xr6:coauthVersionLast="47" xr6:coauthVersionMax="47" xr10:uidLastSave="{00000000-0000-0000-0000-000000000000}"/>
  <bookViews>
    <workbookView xWindow="-120" yWindow="-120" windowWidth="29040" windowHeight="15720" tabRatio="684" xr2:uid="{00000000-000D-0000-FFFF-FFFF00000000}"/>
  </bookViews>
  <sheets>
    <sheet name="経費精算額調書" sheetId="23" r:id="rId1"/>
    <sheet name="Sheet" sheetId="36" state="hidden" r:id="rId2"/>
    <sheet name="経費精算額調書 (記入例)" sheetId="34" r:id="rId3"/>
    <sheet name="事業実績報告書" sheetId="37" r:id="rId4"/>
    <sheet name="事業実績報告書 (記入例)" sheetId="38" r:id="rId5"/>
    <sheet name="当該事業に係る歳入歳出決算書の抄本" sheetId="25" r:id="rId6"/>
    <sheet name="当該事業に係る歳入歳出決算書の抄本 (記入例）" sheetId="30" r:id="rId7"/>
    <sheet name="（参考）口座振込申出書" sheetId="31" r:id="rId8"/>
    <sheet name="口座振込申出書（記入例）" sheetId="32" r:id="rId9"/>
  </sheets>
  <definedNames>
    <definedName name="_Key1" localSheetId="2" hidden="1">#REF!</definedName>
    <definedName name="_Key1" localSheetId="3" hidden="1">#REF!</definedName>
    <definedName name="_Key1" localSheetId="4" hidden="1">#REF!</definedName>
    <definedName name="_Key1" hidden="1">#REF!</definedName>
    <definedName name="_Key2" localSheetId="2" hidden="1">#REF!</definedName>
    <definedName name="_Key2" localSheetId="4" hidden="1">#REF!</definedName>
    <definedName name="_Key2" hidden="1">#REF!</definedName>
    <definedName name="_Order1" hidden="1">255</definedName>
    <definedName name="_Order2" hidden="1">255</definedName>
    <definedName name="_Sort" localSheetId="2" hidden="1">#REF!</definedName>
    <definedName name="_Sort" localSheetId="3" hidden="1">#REF!</definedName>
    <definedName name="_Sort" localSheetId="4" hidden="1">#REF!</definedName>
    <definedName name="_Sort" hidden="1">#REF!</definedName>
    <definedName name="_xlnm.Print_Area" localSheetId="0">経費精算額調書!$A$1:$L$13</definedName>
    <definedName name="_xlnm.Print_Area" localSheetId="2">'経費精算額調書 (記入例)'!$A$1:$L$13</definedName>
    <definedName name="_xlnm.Print_Area" localSheetId="8">'口座振込申出書（記入例）'!$A$1:$O$24</definedName>
    <definedName name="_xlnm.Print_Area" localSheetId="3">事業実績報告書!$A$1:$F$12</definedName>
    <definedName name="_xlnm.Print_Area" localSheetId="4">'事業実績報告書 (記入例)'!$A$1:$F$12</definedName>
    <definedName name="_xlnm.Print_Area" localSheetId="5">当該事業に係る歳入歳出決算書の抄本!$A$1:$D$2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7" i="25" l="1"/>
  <c r="B17" i="25"/>
  <c r="I10" i="34" l="1"/>
  <c r="F10" i="34"/>
  <c r="I10" i="23"/>
  <c r="J10" i="23" s="1"/>
  <c r="L10" i="23" s="1"/>
  <c r="F10" i="23"/>
  <c r="J10" i="34" l="1"/>
  <c r="L10" i="34" s="1"/>
  <c r="D17" i="30" l="1"/>
  <c r="B17" i="30"/>
</calcChain>
</file>

<file path=xl/sharedStrings.xml><?xml version="1.0" encoding="utf-8"?>
<sst xmlns="http://schemas.openxmlformats.org/spreadsheetml/2006/main" count="178" uniqueCount="109">
  <si>
    <t>総事業費</t>
    <rPh sb="0" eb="4">
      <t>ソウジギョウヒ</t>
    </rPh>
    <phoneticPr fontId="8"/>
  </si>
  <si>
    <t>寄付金その他の収入額</t>
    <rPh sb="0" eb="3">
      <t>キフキン</t>
    </rPh>
    <rPh sb="5" eb="6">
      <t>タ</t>
    </rPh>
    <rPh sb="7" eb="9">
      <t>シュウニュウ</t>
    </rPh>
    <rPh sb="9" eb="10">
      <t>ガク</t>
    </rPh>
    <phoneticPr fontId="8"/>
  </si>
  <si>
    <t>Ａ</t>
    <phoneticPr fontId="7"/>
  </si>
  <si>
    <t>Ｂ</t>
    <phoneticPr fontId="7"/>
  </si>
  <si>
    <t>Ｄ</t>
    <phoneticPr fontId="7"/>
  </si>
  <si>
    <t>Ｅ</t>
    <phoneticPr fontId="7"/>
  </si>
  <si>
    <t>Ｇ</t>
    <phoneticPr fontId="7"/>
  </si>
  <si>
    <t>Ｈ</t>
    <phoneticPr fontId="7"/>
  </si>
  <si>
    <t>補助基本額（ＣとＦの少ない方の額）</t>
    <rPh sb="0" eb="2">
      <t>ホジョ</t>
    </rPh>
    <rPh sb="2" eb="4">
      <t>キホン</t>
    </rPh>
    <rPh sb="4" eb="5">
      <t>ガク</t>
    </rPh>
    <rPh sb="10" eb="11">
      <t>スク</t>
    </rPh>
    <rPh sb="13" eb="14">
      <t>ホウ</t>
    </rPh>
    <rPh sb="15" eb="16">
      <t>ガク</t>
    </rPh>
    <phoneticPr fontId="2"/>
  </si>
  <si>
    <t>（単位：円）</t>
    <rPh sb="1" eb="3">
      <t>タンイ</t>
    </rPh>
    <rPh sb="4" eb="5">
      <t>エン</t>
    </rPh>
    <phoneticPr fontId="8"/>
  </si>
  <si>
    <t>歳入（収入）</t>
    <rPh sb="0" eb="2">
      <t>サイニュウ</t>
    </rPh>
    <rPh sb="3" eb="5">
      <t>シュウニュウ</t>
    </rPh>
    <phoneticPr fontId="8"/>
  </si>
  <si>
    <t>歳出(支出）</t>
    <rPh sb="0" eb="2">
      <t>サイシュツ</t>
    </rPh>
    <rPh sb="3" eb="5">
      <t>シシュツ</t>
    </rPh>
    <phoneticPr fontId="8"/>
  </si>
  <si>
    <t>科目</t>
    <rPh sb="0" eb="2">
      <t>カモク</t>
    </rPh>
    <phoneticPr fontId="8"/>
  </si>
  <si>
    <t>金額</t>
    <rPh sb="0" eb="2">
      <t>キンガク</t>
    </rPh>
    <phoneticPr fontId="8"/>
  </si>
  <si>
    <t>科目</t>
    <rPh sb="0" eb="2">
      <t>カモク</t>
    </rPh>
    <phoneticPr fontId="10"/>
  </si>
  <si>
    <t>県補助金</t>
    <rPh sb="0" eb="1">
      <t>ケン</t>
    </rPh>
    <rPh sb="1" eb="4">
      <t>ホジョキン</t>
    </rPh>
    <phoneticPr fontId="8"/>
  </si>
  <si>
    <t>自己資金</t>
    <rPh sb="0" eb="2">
      <t>ジコ</t>
    </rPh>
    <rPh sb="2" eb="4">
      <t>シキン</t>
    </rPh>
    <phoneticPr fontId="8"/>
  </si>
  <si>
    <t>計</t>
    <rPh sb="0" eb="1">
      <t>ケイ</t>
    </rPh>
    <phoneticPr fontId="8"/>
  </si>
  <si>
    <t>原本と相違ないことを証明する。</t>
    <rPh sb="0" eb="2">
      <t>ゲンポン</t>
    </rPh>
    <rPh sb="3" eb="5">
      <t>ソウイ</t>
    </rPh>
    <rPh sb="10" eb="12">
      <t>ショウメイ</t>
    </rPh>
    <phoneticPr fontId="8"/>
  </si>
  <si>
    <t>寄付金</t>
    <rPh sb="0" eb="3">
      <t>キフキン</t>
    </rPh>
    <phoneticPr fontId="2"/>
  </si>
  <si>
    <t>団体名（事業所名）　</t>
    <rPh sb="0" eb="2">
      <t>ダンタイ</t>
    </rPh>
    <rPh sb="2" eb="3">
      <t>メイ</t>
    </rPh>
    <rPh sb="4" eb="7">
      <t>ジギョウショ</t>
    </rPh>
    <rPh sb="7" eb="8">
      <t>メイ</t>
    </rPh>
    <phoneticPr fontId="7"/>
  </si>
  <si>
    <t>Ｃ</t>
    <phoneticPr fontId="2"/>
  </si>
  <si>
    <t>所在地　</t>
    <rPh sb="0" eb="3">
      <t>ショザイチ</t>
    </rPh>
    <phoneticPr fontId="8"/>
  </si>
  <si>
    <t>団体名　</t>
    <rPh sb="0" eb="2">
      <t>ダンタイ</t>
    </rPh>
    <rPh sb="2" eb="3">
      <t>メイ</t>
    </rPh>
    <phoneticPr fontId="8"/>
  </si>
  <si>
    <t>代表者名　</t>
    <rPh sb="0" eb="3">
      <t>ダイヒョウシャ</t>
    </rPh>
    <rPh sb="3" eb="4">
      <t>メイ</t>
    </rPh>
    <phoneticPr fontId="8"/>
  </si>
  <si>
    <t>※Ａ、Ｂ、Ｄ、Ｅに金額を入力してください（円は不要）。Ｃ、Ｆ、Ｇ、Ｉは自動計算されます。Ｉは1,000円未満切り捨てです。</t>
    <rPh sb="9" eb="11">
      <t>キンガク</t>
    </rPh>
    <rPh sb="12" eb="14">
      <t>ニュウリョク</t>
    </rPh>
    <rPh sb="21" eb="22">
      <t>エン</t>
    </rPh>
    <rPh sb="23" eb="25">
      <t>フヨウ</t>
    </rPh>
    <rPh sb="35" eb="37">
      <t>ジドウ</t>
    </rPh>
    <rPh sb="37" eb="39">
      <t>ケイサン</t>
    </rPh>
    <rPh sb="51" eb="52">
      <t>エン</t>
    </rPh>
    <rPh sb="52" eb="54">
      <t>ミマン</t>
    </rPh>
    <rPh sb="54" eb="55">
      <t>キ</t>
    </rPh>
    <rPh sb="56" eb="57">
      <t>ス</t>
    </rPh>
    <phoneticPr fontId="2"/>
  </si>
  <si>
    <t>口座振込申出書</t>
    <rPh sb="0" eb="2">
      <t>コウザ</t>
    </rPh>
    <rPh sb="2" eb="4">
      <t>フリコ</t>
    </rPh>
    <rPh sb="4" eb="7">
      <t>モウシデショ</t>
    </rPh>
    <phoneticPr fontId="8"/>
  </si>
  <si>
    <t>金融機関名</t>
    <rPh sb="0" eb="2">
      <t>キンユウ</t>
    </rPh>
    <rPh sb="2" eb="4">
      <t>キカン</t>
    </rPh>
    <rPh sb="4" eb="5">
      <t>メイ</t>
    </rPh>
    <phoneticPr fontId="8"/>
  </si>
  <si>
    <t>銀行・信用金庫・信用組合</t>
    <rPh sb="0" eb="2">
      <t>ギンコウ</t>
    </rPh>
    <rPh sb="3" eb="5">
      <t>シンヨウ</t>
    </rPh>
    <rPh sb="5" eb="7">
      <t>キンコ</t>
    </rPh>
    <rPh sb="8" eb="10">
      <t>シンヨウ</t>
    </rPh>
    <rPh sb="10" eb="12">
      <t>クミアイ</t>
    </rPh>
    <phoneticPr fontId="8"/>
  </si>
  <si>
    <t>本店・支店</t>
    <rPh sb="0" eb="2">
      <t>ホンテン</t>
    </rPh>
    <rPh sb="3" eb="5">
      <t>シテン</t>
    </rPh>
    <phoneticPr fontId="8"/>
  </si>
  <si>
    <t>口座種類</t>
    <rPh sb="0" eb="2">
      <t>コウザ</t>
    </rPh>
    <rPh sb="2" eb="4">
      <t>シュルイ</t>
    </rPh>
    <phoneticPr fontId="8"/>
  </si>
  <si>
    <t>普通　・　当座</t>
    <rPh sb="0" eb="2">
      <t>フツウ</t>
    </rPh>
    <rPh sb="5" eb="7">
      <t>トウザ</t>
    </rPh>
    <phoneticPr fontId="8"/>
  </si>
  <si>
    <t>口座番号</t>
    <rPh sb="0" eb="2">
      <t>コウザ</t>
    </rPh>
    <rPh sb="2" eb="4">
      <t>バンゴウ</t>
    </rPh>
    <phoneticPr fontId="8"/>
  </si>
  <si>
    <t>フリガナ</t>
    <phoneticPr fontId="8"/>
  </si>
  <si>
    <t>口座名義人</t>
    <rPh sb="0" eb="2">
      <t>コウザ</t>
    </rPh>
    <rPh sb="2" eb="5">
      <t>メイギニン</t>
    </rPh>
    <phoneticPr fontId="8"/>
  </si>
  <si>
    <t>※金融機関名や口座種類では、該当種別を選択してください。</t>
    <rPh sb="1" eb="3">
      <t>キンユウ</t>
    </rPh>
    <rPh sb="3" eb="5">
      <t>キカン</t>
    </rPh>
    <rPh sb="5" eb="6">
      <t>メイ</t>
    </rPh>
    <rPh sb="7" eb="9">
      <t>コウザ</t>
    </rPh>
    <rPh sb="9" eb="11">
      <t>シュルイ</t>
    </rPh>
    <rPh sb="14" eb="16">
      <t>ガイトウ</t>
    </rPh>
    <rPh sb="16" eb="18">
      <t>シュベツ</t>
    </rPh>
    <rPh sb="19" eb="21">
      <t>センタク</t>
    </rPh>
    <phoneticPr fontId="8"/>
  </si>
  <si>
    <t>神奈川県知事　殿</t>
    <rPh sb="0" eb="4">
      <t>カナガワケン</t>
    </rPh>
    <rPh sb="4" eb="6">
      <t>チジ</t>
    </rPh>
    <rPh sb="7" eb="8">
      <t>ドノ</t>
    </rPh>
    <phoneticPr fontId="8"/>
  </si>
  <si>
    <t>郵便番号</t>
    <rPh sb="0" eb="2">
      <t>ユウビン</t>
    </rPh>
    <rPh sb="2" eb="4">
      <t>バンゴウ</t>
    </rPh>
    <phoneticPr fontId="8"/>
  </si>
  <si>
    <t>住所</t>
    <rPh sb="0" eb="2">
      <t>ジュウショ</t>
    </rPh>
    <phoneticPr fontId="8"/>
  </si>
  <si>
    <t>法人名</t>
    <rPh sb="0" eb="2">
      <t>ホウジン</t>
    </rPh>
    <rPh sb="2" eb="3">
      <t>メイ</t>
    </rPh>
    <phoneticPr fontId="8"/>
  </si>
  <si>
    <t>代表者の職名及び氏名</t>
    <rPh sb="0" eb="3">
      <t>ダイヒョウシャ</t>
    </rPh>
    <rPh sb="4" eb="5">
      <t>ショク</t>
    </rPh>
    <rPh sb="5" eb="6">
      <t>メイ</t>
    </rPh>
    <rPh sb="6" eb="7">
      <t>オヨ</t>
    </rPh>
    <rPh sb="8" eb="10">
      <t>シメイ</t>
    </rPh>
    <phoneticPr fontId="8"/>
  </si>
  <si>
    <t>令和　　年　　月　　日</t>
    <rPh sb="0" eb="2">
      <t>レイワ</t>
    </rPh>
    <rPh sb="4" eb="5">
      <t>ネン</t>
    </rPh>
    <rPh sb="7" eb="8">
      <t>ガツ</t>
    </rPh>
    <rPh sb="10" eb="11">
      <t>ニチ</t>
    </rPh>
    <phoneticPr fontId="8"/>
  </si>
  <si>
    <t>○○</t>
    <phoneticPr fontId="8"/>
  </si>
  <si>
    <t>銀行</t>
    <rPh sb="0" eb="2">
      <t>ギンコウ</t>
    </rPh>
    <phoneticPr fontId="8"/>
  </si>
  <si>
    <t>○○駅前</t>
    <rPh sb="2" eb="4">
      <t>エキマエ</t>
    </rPh>
    <phoneticPr fontId="8"/>
  </si>
  <si>
    <t>支店</t>
    <rPh sb="0" eb="2">
      <t>シテン</t>
    </rPh>
    <phoneticPr fontId="8"/>
  </si>
  <si>
    <t>普通</t>
    <rPh sb="0" eb="2">
      <t>フツウ</t>
    </rPh>
    <phoneticPr fontId="8"/>
  </si>
  <si>
    <t>1</t>
    <phoneticPr fontId="8"/>
  </si>
  <si>
    <t>2</t>
    <phoneticPr fontId="8"/>
  </si>
  <si>
    <t>3</t>
    <phoneticPr fontId="8"/>
  </si>
  <si>
    <t>4</t>
    <phoneticPr fontId="8"/>
  </si>
  <si>
    <t>5</t>
    <phoneticPr fontId="8"/>
  </si>
  <si>
    <t>6</t>
    <phoneticPr fontId="8"/>
  </si>
  <si>
    <t>7</t>
    <phoneticPr fontId="8"/>
  </si>
  <si>
    <t>フリガナ</t>
    <phoneticPr fontId="8"/>
  </si>
  <si>
    <t>イリョウホウジンマルマルカイ　マルヤママルミ</t>
    <phoneticPr fontId="8"/>
  </si>
  <si>
    <t>医療法人○○会　○山 ○美</t>
    <phoneticPr fontId="8"/>
  </si>
  <si>
    <t>000-0000</t>
    <phoneticPr fontId="8"/>
  </si>
  <si>
    <t>会長　神奈川　太郎</t>
    <rPh sb="0" eb="2">
      <t>カイチョウ</t>
    </rPh>
    <phoneticPr fontId="8"/>
  </si>
  <si>
    <r>
      <t>代表者名　　</t>
    </r>
    <r>
      <rPr>
        <sz val="12"/>
        <color rgb="FFFF0000"/>
        <rFont val="ＭＳ 明朝"/>
        <family val="1"/>
        <charset val="128"/>
      </rPr>
      <t>会長　神奈川　太郎</t>
    </r>
    <rPh sb="0" eb="3">
      <t>ダイヒョウシャ</t>
    </rPh>
    <rPh sb="3" eb="4">
      <t>メイ</t>
    </rPh>
    <rPh sb="6" eb="8">
      <t>カイチョウ</t>
    </rPh>
    <rPh sb="9" eb="12">
      <t>カナガワ</t>
    </rPh>
    <rPh sb="13" eb="15">
      <t>タロウ</t>
    </rPh>
    <phoneticPr fontId="8"/>
  </si>
  <si>
    <t>補助率</t>
    <phoneticPr fontId="7"/>
  </si>
  <si>
    <t>基準額</t>
    <rPh sb="0" eb="2">
      <t>キジュン</t>
    </rPh>
    <rPh sb="2" eb="3">
      <t>ガク</t>
    </rPh>
    <phoneticPr fontId="7"/>
  </si>
  <si>
    <t>分野</t>
    <rPh sb="0" eb="2">
      <t>ブンヤ</t>
    </rPh>
    <phoneticPr fontId="2"/>
  </si>
  <si>
    <t>機器No</t>
    <rPh sb="0" eb="2">
      <t>キキ</t>
    </rPh>
    <phoneticPr fontId="7"/>
  </si>
  <si>
    <t>導入機器</t>
    <rPh sb="0" eb="2">
      <t>ドウニュウ</t>
    </rPh>
    <rPh sb="2" eb="4">
      <t>キキ</t>
    </rPh>
    <phoneticPr fontId="7"/>
  </si>
  <si>
    <t>差引
事業費
（Ａ－Ｂ）</t>
    <phoneticPr fontId="2"/>
  </si>
  <si>
    <t>Ｆ</t>
    <phoneticPr fontId="7"/>
  </si>
  <si>
    <t>選定額
（ＤとＥの
少ない方の額）</t>
    <rPh sb="0" eb="2">
      <t>センテイ</t>
    </rPh>
    <rPh sb="2" eb="3">
      <t>ガク</t>
    </rPh>
    <rPh sb="10" eb="11">
      <t>スク</t>
    </rPh>
    <rPh sb="13" eb="14">
      <t>ホウ</t>
    </rPh>
    <rPh sb="15" eb="16">
      <t>ガク</t>
    </rPh>
    <phoneticPr fontId="7"/>
  </si>
  <si>
    <t>1/2</t>
    <phoneticPr fontId="2"/>
  </si>
  <si>
    <t>移乗介助（装着型・非装着型）</t>
    <rPh sb="0" eb="4">
      <t>イジョウカイジョ</t>
    </rPh>
    <rPh sb="5" eb="8">
      <t>ソウチャクガタ</t>
    </rPh>
    <rPh sb="9" eb="13">
      <t>ヒソウチャクガタ</t>
    </rPh>
    <phoneticPr fontId="23"/>
  </si>
  <si>
    <t>移動支援</t>
    <rPh sb="0" eb="2">
      <t>イドウ</t>
    </rPh>
    <rPh sb="2" eb="4">
      <t>シエン</t>
    </rPh>
    <phoneticPr fontId="23"/>
  </si>
  <si>
    <t>排泄支援</t>
    <rPh sb="0" eb="2">
      <t>ハイセツ</t>
    </rPh>
    <rPh sb="2" eb="4">
      <t>シエン</t>
    </rPh>
    <phoneticPr fontId="23"/>
  </si>
  <si>
    <t>見守り・コミュニケーション</t>
    <rPh sb="0" eb="2">
      <t>ミマモ</t>
    </rPh>
    <phoneticPr fontId="23"/>
  </si>
  <si>
    <t>入浴支援</t>
    <rPh sb="0" eb="2">
      <t>ニュウヨク</t>
    </rPh>
    <rPh sb="2" eb="4">
      <t>シエン</t>
    </rPh>
    <phoneticPr fontId="23"/>
  </si>
  <si>
    <t>I</t>
    <phoneticPr fontId="7"/>
  </si>
  <si>
    <t>団体名（病院名）　</t>
    <rPh sb="0" eb="2">
      <t>ダンタイ</t>
    </rPh>
    <rPh sb="2" eb="3">
      <t>メイ</t>
    </rPh>
    <rPh sb="4" eb="6">
      <t>ビョウイン</t>
    </rPh>
    <rPh sb="6" eb="7">
      <t>メイ</t>
    </rPh>
    <phoneticPr fontId="7"/>
  </si>
  <si>
    <t>【様式１】の「法人（団体）名」及び病院名</t>
    <rPh sb="1" eb="3">
      <t>ヨウシキ</t>
    </rPh>
    <rPh sb="7" eb="9">
      <t>ホウジン</t>
    </rPh>
    <rPh sb="10" eb="12">
      <t>ダンタイ</t>
    </rPh>
    <rPh sb="13" eb="14">
      <t>メイ</t>
    </rPh>
    <rPh sb="15" eb="16">
      <t>オヨ</t>
    </rPh>
    <rPh sb="17" eb="20">
      <t>ビョウインメイ</t>
    </rPh>
    <phoneticPr fontId="2"/>
  </si>
  <si>
    <t>1/2</t>
    <phoneticPr fontId="2"/>
  </si>
  <si>
    <t>腰補助用マッスルスーツ
１台</t>
    <rPh sb="0" eb="1">
      <t>コシ</t>
    </rPh>
    <rPh sb="1" eb="4">
      <t>ホジョヨウ</t>
    </rPh>
    <rPh sb="13" eb="14">
      <t>ダイ</t>
    </rPh>
    <phoneticPr fontId="2"/>
  </si>
  <si>
    <t>看護業務等アシスト機器導入支援事業費補助</t>
    <rPh sb="0" eb="2">
      <t>カンゴ</t>
    </rPh>
    <rPh sb="2" eb="4">
      <t>ギョウム</t>
    </rPh>
    <rPh sb="4" eb="5">
      <t>トウ</t>
    </rPh>
    <rPh sb="9" eb="11">
      <t>キキ</t>
    </rPh>
    <rPh sb="11" eb="13">
      <t>ドウニュウ</t>
    </rPh>
    <rPh sb="13" eb="15">
      <t>シエン</t>
    </rPh>
    <rPh sb="15" eb="17">
      <t>ジギョウ</t>
    </rPh>
    <rPh sb="17" eb="18">
      <t>ヒ</t>
    </rPh>
    <rPh sb="18" eb="20">
      <t>ホジョ</t>
    </rPh>
    <phoneticPr fontId="10"/>
  </si>
  <si>
    <t>備品購入費</t>
    <rPh sb="0" eb="2">
      <t>ビヒン</t>
    </rPh>
    <rPh sb="2" eb="4">
      <t>コウニュウ</t>
    </rPh>
    <rPh sb="4" eb="5">
      <t>ヒ</t>
    </rPh>
    <phoneticPr fontId="2"/>
  </si>
  <si>
    <t>賃借料</t>
    <rPh sb="0" eb="3">
      <t>チンシャクリョウ</t>
    </rPh>
    <phoneticPr fontId="2"/>
  </si>
  <si>
    <t>需用費</t>
    <rPh sb="0" eb="3">
      <t>ジュヨウヒ</t>
    </rPh>
    <phoneticPr fontId="2"/>
  </si>
  <si>
    <t>役務費</t>
    <rPh sb="0" eb="3">
      <t>エキムヒ</t>
    </rPh>
    <phoneticPr fontId="2"/>
  </si>
  <si>
    <t>令和○年○月○日</t>
    <rPh sb="5" eb="6">
      <t>ガツ</t>
    </rPh>
    <rPh sb="7" eb="8">
      <t>ニチ</t>
    </rPh>
    <phoneticPr fontId="8"/>
  </si>
  <si>
    <r>
      <t>団体名　　　</t>
    </r>
    <r>
      <rPr>
        <sz val="12"/>
        <color rgb="FFFF0000"/>
        <rFont val="ＭＳ 明朝"/>
        <family val="1"/>
        <charset val="128"/>
      </rPr>
      <t>○○病院</t>
    </r>
    <rPh sb="0" eb="2">
      <t>ダンタイ</t>
    </rPh>
    <rPh sb="2" eb="3">
      <t>メイ</t>
    </rPh>
    <rPh sb="8" eb="10">
      <t>ビョウイン</t>
    </rPh>
    <phoneticPr fontId="8"/>
  </si>
  <si>
    <r>
      <t>所在地　　　</t>
    </r>
    <r>
      <rPr>
        <sz val="12"/>
        <color rgb="FFFF0000"/>
        <rFont val="ＭＳ 明朝"/>
        <family val="1"/>
        <charset val="128"/>
      </rPr>
      <t>○○市○○町○丁目○番○号</t>
    </r>
    <rPh sb="0" eb="3">
      <t>ショザイチ</t>
    </rPh>
    <rPh sb="8" eb="9">
      <t>シ</t>
    </rPh>
    <rPh sb="11" eb="12">
      <t>チョウ</t>
    </rPh>
    <rPh sb="13" eb="14">
      <t>チョウ</t>
    </rPh>
    <rPh sb="14" eb="15">
      <t>メ</t>
    </rPh>
    <rPh sb="16" eb="17">
      <t>バン</t>
    </rPh>
    <rPh sb="18" eb="19">
      <t>ゴウ</t>
    </rPh>
    <phoneticPr fontId="8"/>
  </si>
  <si>
    <t>○○病院</t>
    <rPh sb="2" eb="4">
      <t>ビョウイン</t>
    </rPh>
    <phoneticPr fontId="2"/>
  </si>
  <si>
    <t>○○市○○町○丁目○番○号</t>
    <phoneticPr fontId="8"/>
  </si>
  <si>
    <t>（別紙１）</t>
    <rPh sb="1" eb="3">
      <t>ベッシ</t>
    </rPh>
    <phoneticPr fontId="2"/>
  </si>
  <si>
    <r>
      <t>団体名（事業所名）</t>
    </r>
    <r>
      <rPr>
        <u/>
        <sz val="10.5"/>
        <color theme="1"/>
        <rFont val="ＭＳ 明朝"/>
        <family val="1"/>
        <charset val="128"/>
      </rPr>
      <t>　　　　　　　　　　　　　　　　　　　　</t>
    </r>
    <phoneticPr fontId="2"/>
  </si>
  <si>
    <t>目標</t>
    <rPh sb="0" eb="2">
      <t>モクヒョウ</t>
    </rPh>
    <phoneticPr fontId="2"/>
  </si>
  <si>
    <t>事業の着手日</t>
    <rPh sb="0" eb="2">
      <t>ジギョウ</t>
    </rPh>
    <rPh sb="3" eb="5">
      <t>チャクシュ</t>
    </rPh>
    <rPh sb="5" eb="6">
      <t>ビ</t>
    </rPh>
    <phoneticPr fontId="2"/>
  </si>
  <si>
    <t>交付決定日以降</t>
    <rPh sb="0" eb="4">
      <t>コウフケッテイ</t>
    </rPh>
    <rPh sb="4" eb="5">
      <t>ビ</t>
    </rPh>
    <rPh sb="5" eb="7">
      <t>イコウ</t>
    </rPh>
    <phoneticPr fontId="2"/>
  </si>
  <si>
    <t>事業の完了日</t>
    <rPh sb="0" eb="2">
      <t>ジギョウ</t>
    </rPh>
    <rPh sb="3" eb="6">
      <t>カンリョウビ</t>
    </rPh>
    <phoneticPr fontId="2"/>
  </si>
  <si>
    <t>導入機器</t>
    <rPh sb="0" eb="2">
      <t>ドウニュウ</t>
    </rPh>
    <rPh sb="2" eb="4">
      <t>キキ</t>
    </rPh>
    <phoneticPr fontId="2"/>
  </si>
  <si>
    <t>導入効果</t>
    <rPh sb="0" eb="2">
      <t>ドウニュウ</t>
    </rPh>
    <rPh sb="2" eb="4">
      <t>コウカ</t>
    </rPh>
    <phoneticPr fontId="2"/>
  </si>
  <si>
    <t>見守り機器□□　〇台</t>
    <rPh sb="9" eb="10">
      <t>ダイ</t>
    </rPh>
    <phoneticPr fontId="2"/>
  </si>
  <si>
    <t>（別紙２）</t>
    <rPh sb="1" eb="3">
      <t>ベッシ</t>
    </rPh>
    <phoneticPr fontId="2"/>
  </si>
  <si>
    <t>対象経費の
実支出額</t>
    <rPh sb="0" eb="2">
      <t>タイショウ</t>
    </rPh>
    <rPh sb="1" eb="2">
      <t>ゾウ</t>
    </rPh>
    <rPh sb="2" eb="3">
      <t>タイショウ</t>
    </rPh>
    <rPh sb="6" eb="7">
      <t>ジツ</t>
    </rPh>
    <rPh sb="9" eb="10">
      <t>ガク</t>
    </rPh>
    <phoneticPr fontId="7"/>
  </si>
  <si>
    <t>令和６年○月○日</t>
    <rPh sb="0" eb="2">
      <t>レイワ</t>
    </rPh>
    <rPh sb="3" eb="4">
      <t>ネン</t>
    </rPh>
    <rPh sb="5" eb="6">
      <t>ガツ</t>
    </rPh>
    <rPh sb="7" eb="8">
      <t>ニチ</t>
    </rPh>
    <phoneticPr fontId="8"/>
  </si>
  <si>
    <t>※交付決定額（J）は、交付決定通知書に記載された金額を入力してください。</t>
    <rPh sb="1" eb="3">
      <t>コウフ</t>
    </rPh>
    <rPh sb="3" eb="5">
      <t>ケッテイ</t>
    </rPh>
    <rPh sb="5" eb="6">
      <t>ガク</t>
    </rPh>
    <rPh sb="11" eb="13">
      <t>コウフ</t>
    </rPh>
    <rPh sb="13" eb="15">
      <t>ケッテイ</t>
    </rPh>
    <rPh sb="15" eb="18">
      <t>ツウチショ</t>
    </rPh>
    <rPh sb="19" eb="21">
      <t>キサイ</t>
    </rPh>
    <rPh sb="24" eb="26">
      <t>キンガク</t>
    </rPh>
    <rPh sb="27" eb="29">
      <t>ニュウリョク</t>
    </rPh>
    <phoneticPr fontId="2"/>
  </si>
  <si>
    <t>※Ａ、Ｂ、Ｄ、Ｅ、Ｊに金額を入力してください（円は不要）。Ｃ、Ｆ、Ｇ、Ｉ、Ｋは自動計算されます。Ｉは1,000円未満切り捨てです。</t>
    <rPh sb="11" eb="13">
      <t>キンガク</t>
    </rPh>
    <rPh sb="14" eb="16">
      <t>ニュウリョク</t>
    </rPh>
    <rPh sb="23" eb="24">
      <t>エン</t>
    </rPh>
    <rPh sb="25" eb="27">
      <t>フヨウ</t>
    </rPh>
    <rPh sb="39" eb="41">
      <t>ジドウ</t>
    </rPh>
    <rPh sb="41" eb="43">
      <t>ケイサン</t>
    </rPh>
    <rPh sb="55" eb="56">
      <t>エン</t>
    </rPh>
    <rPh sb="56" eb="58">
      <t>ミマン</t>
    </rPh>
    <rPh sb="58" eb="59">
      <t>キ</t>
    </rPh>
    <rPh sb="60" eb="61">
      <t>ス</t>
    </rPh>
    <phoneticPr fontId="2"/>
  </si>
  <si>
    <t>令和７年度　看護業務等アシスト機器導入支援事業費補助　経費精算額調書</t>
    <rPh sb="0" eb="1">
      <t>レイ</t>
    </rPh>
    <rPh sb="1" eb="2">
      <t>ワ</t>
    </rPh>
    <rPh sb="3" eb="5">
      <t>ネンド</t>
    </rPh>
    <rPh sb="6" eb="8">
      <t>カンゴ</t>
    </rPh>
    <rPh sb="8" eb="10">
      <t>ギョウム</t>
    </rPh>
    <rPh sb="10" eb="11">
      <t>トウ</t>
    </rPh>
    <rPh sb="15" eb="17">
      <t>キキ</t>
    </rPh>
    <rPh sb="17" eb="19">
      <t>ドウニュウ</t>
    </rPh>
    <rPh sb="19" eb="21">
      <t>シエン</t>
    </rPh>
    <rPh sb="21" eb="23">
      <t>ジギョウ</t>
    </rPh>
    <rPh sb="23" eb="24">
      <t>ヒ</t>
    </rPh>
    <rPh sb="24" eb="26">
      <t>ホジョ</t>
    </rPh>
    <phoneticPr fontId="8"/>
  </si>
  <si>
    <t>令和７年度　看護業務等アシスト機器導入支援事業費補助 経費精算額調書</t>
    <rPh sb="0" eb="1">
      <t>レイ</t>
    </rPh>
    <rPh sb="1" eb="2">
      <t>ワ</t>
    </rPh>
    <rPh sb="3" eb="5">
      <t>ネンド</t>
    </rPh>
    <rPh sb="6" eb="8">
      <t>カンゴ</t>
    </rPh>
    <rPh sb="8" eb="10">
      <t>ギョウム</t>
    </rPh>
    <rPh sb="10" eb="11">
      <t>トウ</t>
    </rPh>
    <rPh sb="15" eb="17">
      <t>キキ</t>
    </rPh>
    <rPh sb="17" eb="19">
      <t>ドウニュウ</t>
    </rPh>
    <rPh sb="19" eb="21">
      <t>シエン</t>
    </rPh>
    <rPh sb="21" eb="23">
      <t>ジギョウ</t>
    </rPh>
    <rPh sb="23" eb="24">
      <t>ヒ</t>
    </rPh>
    <rPh sb="24" eb="26">
      <t>ホジョ</t>
    </rPh>
    <phoneticPr fontId="8"/>
  </si>
  <si>
    <t>令和７年度 神奈川県地域医療介護総合確保基金事業費補助金 歳入・歳出決算書(抄本)</t>
    <rPh sb="6" eb="10">
      <t>カナガワケン</t>
    </rPh>
    <rPh sb="10" eb="12">
      <t>チイキ</t>
    </rPh>
    <rPh sb="12" eb="14">
      <t>イリョウ</t>
    </rPh>
    <rPh sb="14" eb="16">
      <t>カイゴ</t>
    </rPh>
    <rPh sb="16" eb="18">
      <t>ソウゴウ</t>
    </rPh>
    <rPh sb="18" eb="20">
      <t>カクホ</t>
    </rPh>
    <rPh sb="20" eb="22">
      <t>キキン</t>
    </rPh>
    <rPh sb="22" eb="25">
      <t>ジギョウヒ</t>
    </rPh>
    <rPh sb="25" eb="28">
      <t>ホジョキン</t>
    </rPh>
    <rPh sb="29" eb="31">
      <t>サイニュウ</t>
    </rPh>
    <rPh sb="32" eb="34">
      <t>サイシュツ</t>
    </rPh>
    <rPh sb="38" eb="40">
      <t>ショウホン</t>
    </rPh>
    <phoneticPr fontId="8"/>
  </si>
  <si>
    <t>2026/4/</t>
    <phoneticPr fontId="2"/>
  </si>
  <si>
    <t>交付額
（G×H）</t>
    <rPh sb="0" eb="2">
      <t>コウフ</t>
    </rPh>
    <rPh sb="2" eb="3">
      <t>ガク</t>
    </rPh>
    <phoneticPr fontId="2"/>
  </si>
  <si>
    <t>令和７年度　看護業務等アシスト機器導入支援事業費補助　事業実績報告書</t>
    <rPh sb="0" eb="1">
      <t>レイ</t>
    </rPh>
    <rPh sb="1" eb="2">
      <t>ワ</t>
    </rPh>
    <rPh sb="3" eb="5">
      <t>ネンド</t>
    </rPh>
    <rPh sb="6" eb="8">
      <t>カンゴ</t>
    </rPh>
    <rPh sb="8" eb="10">
      <t>ギョウム</t>
    </rPh>
    <rPh sb="10" eb="11">
      <t>トウ</t>
    </rPh>
    <rPh sb="15" eb="17">
      <t>キキ</t>
    </rPh>
    <rPh sb="17" eb="19">
      <t>ドウニュウ</t>
    </rPh>
    <rPh sb="19" eb="21">
      <t>シエン</t>
    </rPh>
    <rPh sb="21" eb="23">
      <t>ジギョウ</t>
    </rPh>
    <rPh sb="23" eb="24">
      <t>ヒ</t>
    </rPh>
    <rPh sb="24" eb="26">
      <t>ホジョ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\ &quot;円&quot;;\-#,##0"/>
    <numFmt numFmtId="177" formatCode="#,##0_ "/>
    <numFmt numFmtId="178" formatCode="[$-411]ggge&quot;年&quot;m&quot;月&quot;d&quot;日&quot;;@"/>
  </numFmts>
  <fonts count="32">
    <font>
      <sz val="12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6"/>
      <name val="ＭＳ 明朝"/>
      <family val="2"/>
      <charset val="128"/>
    </font>
    <font>
      <sz val="11"/>
      <name val="ＭＳ Ｐ明朝"/>
      <family val="1"/>
      <charset val="128"/>
    </font>
    <font>
      <sz val="16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14"/>
      <color indexed="8"/>
      <name val="ＭＳ ゴシック"/>
      <family val="3"/>
      <charset val="128"/>
    </font>
    <font>
      <sz val="12"/>
      <name val="ＭＳ ゴシック"/>
      <family val="3"/>
      <charset val="128"/>
    </font>
    <font>
      <sz val="10"/>
      <color rgb="FFFF0000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2"/>
      <name val="HG丸ｺﾞｼｯｸM-PRO"/>
      <family val="3"/>
      <charset val="128"/>
    </font>
    <font>
      <sz val="14"/>
      <color rgb="FFFF0000"/>
      <name val="HG丸ｺﾞｼｯｸM-PRO"/>
      <family val="3"/>
      <charset val="128"/>
    </font>
    <font>
      <sz val="11"/>
      <color rgb="FFFF0000"/>
      <name val="ＭＳ 明朝"/>
      <family val="1"/>
      <charset val="128"/>
    </font>
    <font>
      <sz val="12"/>
      <color rgb="FFFF0000"/>
      <name val="HG丸ｺﾞｼｯｸM-PRO"/>
      <family val="3"/>
      <charset val="128"/>
    </font>
    <font>
      <sz val="11"/>
      <color rgb="FFFF0000"/>
      <name val="HG丸ｺﾞｼｯｸM-PRO"/>
      <family val="3"/>
      <charset val="128"/>
    </font>
    <font>
      <sz val="6"/>
      <name val="ＭＳ Ｐゴシック"/>
      <family val="3"/>
      <charset val="128"/>
      <scheme val="minor"/>
    </font>
    <font>
      <b/>
      <sz val="10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10.5"/>
      <color theme="1"/>
      <name val="Century"/>
      <family val="1"/>
    </font>
    <font>
      <sz val="10.5"/>
      <color theme="1"/>
      <name val="ＭＳ 明朝"/>
      <family val="1"/>
      <charset val="128"/>
    </font>
    <font>
      <u/>
      <sz val="10.5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0.5"/>
      <color rgb="FF000000"/>
      <name val="Century"/>
      <family val="1"/>
    </font>
  </fonts>
  <fills count="6">
    <fill>
      <patternFill patternType="none"/>
    </fill>
    <fill>
      <patternFill patternType="gray125"/>
    </fill>
    <fill>
      <patternFill patternType="solid">
        <fgColor rgb="FFCCFFFF"/>
        <bgColor indexed="64"/>
      </patternFill>
    </fill>
    <fill>
      <patternFill patternType="solid">
        <fgColor rgb="FFFFCCFF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CCFFCC"/>
        <bgColor indexed="64"/>
      </patternFill>
    </fill>
  </fills>
  <borders count="3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8">
    <xf numFmtId="0" fontId="0" fillId="0" borderId="0">
      <alignment vertical="center"/>
    </xf>
    <xf numFmtId="0" fontId="3" fillId="0" borderId="0"/>
    <xf numFmtId="0" fontId="6" fillId="0" borderId="0">
      <alignment vertical="center"/>
    </xf>
    <xf numFmtId="0" fontId="9" fillId="0" borderId="0">
      <alignment vertical="center"/>
    </xf>
    <xf numFmtId="0" fontId="11" fillId="0" borderId="0"/>
    <xf numFmtId="38" fontId="6" fillId="0" borderId="0" applyFont="0" applyFill="0" applyBorder="0" applyAlignment="0" applyProtection="0">
      <alignment vertical="center"/>
    </xf>
    <xf numFmtId="0" fontId="6" fillId="0" borderId="0">
      <alignment vertical="center"/>
    </xf>
    <xf numFmtId="0" fontId="5" fillId="0" borderId="0">
      <alignment vertical="center"/>
    </xf>
  </cellStyleXfs>
  <cellXfs count="139">
    <xf numFmtId="0" fontId="0" fillId="0" borderId="0" xfId="0">
      <alignment vertical="center"/>
    </xf>
    <xf numFmtId="0" fontId="12" fillId="0" borderId="0" xfId="4" applyFont="1" applyAlignment="1">
      <alignment vertical="center"/>
    </xf>
    <xf numFmtId="0" fontId="14" fillId="0" borderId="0" xfId="2" applyFont="1">
      <alignment vertical="center"/>
    </xf>
    <xf numFmtId="0" fontId="12" fillId="0" borderId="3" xfId="4" applyFont="1" applyBorder="1"/>
    <xf numFmtId="0" fontId="12" fillId="0" borderId="3" xfId="4" applyFont="1" applyBorder="1" applyAlignment="1">
      <alignment vertical="center"/>
    </xf>
    <xf numFmtId="176" fontId="12" fillId="2" borderId="1" xfId="5" applyNumberFormat="1" applyFont="1" applyFill="1" applyBorder="1" applyAlignment="1">
      <alignment horizontal="right" vertical="center"/>
    </xf>
    <xf numFmtId="0" fontId="12" fillId="0" borderId="17" xfId="4" applyFont="1" applyBorder="1" applyAlignment="1">
      <alignment horizontal="center" vertical="center"/>
    </xf>
    <xf numFmtId="0" fontId="12" fillId="0" borderId="16" xfId="4" applyFont="1" applyBorder="1" applyAlignment="1">
      <alignment horizontal="center" vertical="center" wrapText="1"/>
    </xf>
    <xf numFmtId="176" fontId="12" fillId="3" borderId="6" xfId="5" applyNumberFormat="1" applyFont="1" applyFill="1" applyBorder="1" applyAlignment="1">
      <alignment horizontal="right" vertical="center"/>
    </xf>
    <xf numFmtId="0" fontId="12" fillId="0" borderId="0" xfId="4" applyFont="1" applyAlignment="1">
      <alignment horizontal="center" vertical="center"/>
    </xf>
    <xf numFmtId="0" fontId="6" fillId="0" borderId="0" xfId="6">
      <alignment vertical="center"/>
    </xf>
    <xf numFmtId="0" fontId="6" fillId="0" borderId="0" xfId="6" applyAlignment="1">
      <alignment horizontal="right" vertical="center"/>
    </xf>
    <xf numFmtId="0" fontId="6" fillId="0" borderId="1" xfId="6" applyBorder="1" applyAlignment="1">
      <alignment horizontal="center" vertical="center"/>
    </xf>
    <xf numFmtId="0" fontId="6" fillId="0" borderId="8" xfId="6" applyBorder="1">
      <alignment vertical="center"/>
    </xf>
    <xf numFmtId="177" fontId="6" fillId="0" borderId="7" xfId="6" applyNumberFormat="1" applyBorder="1">
      <alignment vertical="center"/>
    </xf>
    <xf numFmtId="177" fontId="6" fillId="0" borderId="8" xfId="6" applyNumberFormat="1" applyBorder="1">
      <alignment vertical="center"/>
    </xf>
    <xf numFmtId="0" fontId="6" fillId="0" borderId="4" xfId="6" applyBorder="1">
      <alignment vertical="center"/>
    </xf>
    <xf numFmtId="177" fontId="6" fillId="0" borderId="4" xfId="6" applyNumberFormat="1" applyBorder="1">
      <alignment vertical="center"/>
    </xf>
    <xf numFmtId="177" fontId="6" fillId="0" borderId="1" xfId="6" applyNumberFormat="1" applyBorder="1">
      <alignment vertical="center"/>
    </xf>
    <xf numFmtId="177" fontId="6" fillId="0" borderId="1" xfId="6" applyNumberFormat="1" applyBorder="1" applyAlignment="1">
      <alignment horizontal="center" vertical="center"/>
    </xf>
    <xf numFmtId="0" fontId="1" fillId="0" borderId="0" xfId="6" applyFont="1">
      <alignment vertical="center"/>
    </xf>
    <xf numFmtId="0" fontId="6" fillId="0" borderId="0" xfId="6" applyAlignment="1">
      <alignment horizontal="center" vertical="center"/>
    </xf>
    <xf numFmtId="0" fontId="12" fillId="0" borderId="0" xfId="4" applyFont="1" applyAlignment="1">
      <alignment horizontal="left" vertical="center"/>
    </xf>
    <xf numFmtId="0" fontId="12" fillId="4" borderId="17" xfId="4" applyFont="1" applyFill="1" applyBorder="1" applyAlignment="1">
      <alignment horizontal="center" vertical="center"/>
    </xf>
    <xf numFmtId="176" fontId="12" fillId="4" borderId="6" xfId="5" applyNumberFormat="1" applyFont="1" applyFill="1" applyBorder="1" applyAlignment="1">
      <alignment horizontal="right" vertical="center"/>
    </xf>
    <xf numFmtId="0" fontId="12" fillId="4" borderId="18" xfId="4" applyFont="1" applyFill="1" applyBorder="1" applyAlignment="1">
      <alignment horizontal="center" vertical="center" wrapText="1"/>
    </xf>
    <xf numFmtId="0" fontId="12" fillId="5" borderId="19" xfId="4" applyFont="1" applyFill="1" applyBorder="1" applyAlignment="1">
      <alignment horizontal="center" vertical="center" wrapText="1"/>
    </xf>
    <xf numFmtId="176" fontId="12" fillId="5" borderId="15" xfId="5" applyNumberFormat="1" applyFont="1" applyFill="1" applyBorder="1" applyAlignment="1">
      <alignment horizontal="right" vertical="center"/>
    </xf>
    <xf numFmtId="176" fontId="15" fillId="2" borderId="1" xfId="5" applyNumberFormat="1" applyFont="1" applyFill="1" applyBorder="1" applyAlignment="1">
      <alignment horizontal="right" vertical="center"/>
    </xf>
    <xf numFmtId="176" fontId="15" fillId="3" borderId="6" xfId="5" applyNumberFormat="1" applyFont="1" applyFill="1" applyBorder="1" applyAlignment="1">
      <alignment horizontal="right" vertical="center"/>
    </xf>
    <xf numFmtId="0" fontId="6" fillId="0" borderId="7" xfId="6" applyBorder="1">
      <alignment vertical="center"/>
    </xf>
    <xf numFmtId="0" fontId="17" fillId="0" borderId="0" xfId="6" applyFont="1">
      <alignment vertical="center"/>
    </xf>
    <xf numFmtId="177" fontId="17" fillId="0" borderId="7" xfId="6" applyNumberFormat="1" applyFont="1" applyBorder="1">
      <alignment vertical="center"/>
    </xf>
    <xf numFmtId="177" fontId="17" fillId="0" borderId="8" xfId="6" applyNumberFormat="1" applyFont="1" applyBorder="1">
      <alignment vertical="center"/>
    </xf>
    <xf numFmtId="177" fontId="17" fillId="0" borderId="4" xfId="6" applyNumberFormat="1" applyFont="1" applyBorder="1">
      <alignment vertical="center"/>
    </xf>
    <xf numFmtId="177" fontId="17" fillId="0" borderId="1" xfId="6" applyNumberFormat="1" applyFont="1" applyBorder="1">
      <alignment vertical="center"/>
    </xf>
    <xf numFmtId="0" fontId="17" fillId="0" borderId="0" xfId="6" applyFont="1" applyAlignment="1">
      <alignment horizontal="center" vertical="center"/>
    </xf>
    <xf numFmtId="0" fontId="5" fillId="0" borderId="0" xfId="7" applyAlignment="1">
      <alignment vertical="center"/>
    </xf>
    <xf numFmtId="0" fontId="5" fillId="0" borderId="0" xfId="7">
      <alignment vertical="center"/>
    </xf>
    <xf numFmtId="0" fontId="5" fillId="0" borderId="0" xfId="7" applyAlignment="1">
      <alignment horizontal="right" vertical="center"/>
    </xf>
    <xf numFmtId="0" fontId="5" fillId="0" borderId="4" xfId="7" applyBorder="1" applyAlignment="1">
      <alignment horizontal="distributed" vertical="center"/>
    </xf>
    <xf numFmtId="0" fontId="5" fillId="0" borderId="9" xfId="7" applyBorder="1" applyAlignment="1">
      <alignment horizontal="center" vertical="center"/>
    </xf>
    <xf numFmtId="49" fontId="5" fillId="0" borderId="21" xfId="7" applyNumberFormat="1" applyBorder="1" applyAlignment="1">
      <alignment horizontal="center" vertical="center"/>
    </xf>
    <xf numFmtId="49" fontId="5" fillId="0" borderId="22" xfId="7" applyNumberFormat="1" applyBorder="1" applyAlignment="1">
      <alignment horizontal="center" vertical="center"/>
    </xf>
    <xf numFmtId="0" fontId="5" fillId="0" borderId="23" xfId="7" applyBorder="1" applyAlignment="1">
      <alignment horizontal="distributed" vertical="center"/>
    </xf>
    <xf numFmtId="178" fontId="5" fillId="0" borderId="0" xfId="7" applyNumberFormat="1" applyAlignment="1">
      <alignment horizontal="left" vertical="center" indent="1"/>
    </xf>
    <xf numFmtId="0" fontId="5" fillId="0" borderId="0" xfId="7" applyBorder="1" applyAlignment="1">
      <alignment vertical="center"/>
    </xf>
    <xf numFmtId="0" fontId="5" fillId="0" borderId="0" xfId="7" applyBorder="1" applyAlignment="1">
      <alignment horizontal="right" vertical="center"/>
    </xf>
    <xf numFmtId="0" fontId="5" fillId="0" borderId="0" xfId="7" applyBorder="1">
      <alignment vertical="center"/>
    </xf>
    <xf numFmtId="0" fontId="4" fillId="0" borderId="0" xfId="7" applyFont="1" applyAlignment="1">
      <alignment horizontal="center" vertical="center"/>
    </xf>
    <xf numFmtId="0" fontId="5" fillId="0" borderId="2" xfId="7" applyBorder="1" applyAlignment="1">
      <alignment horizontal="center" vertical="center"/>
    </xf>
    <xf numFmtId="0" fontId="20" fillId="0" borderId="2" xfId="7" applyFont="1" applyBorder="1" applyAlignment="1">
      <alignment horizontal="center" vertical="center"/>
    </xf>
    <xf numFmtId="49" fontId="19" fillId="0" borderId="29" xfId="7" applyNumberFormat="1" applyFont="1" applyBorder="1" applyAlignment="1">
      <alignment horizontal="center" vertical="center"/>
    </xf>
    <xf numFmtId="49" fontId="19" fillId="0" borderId="21" xfId="7" applyNumberFormat="1" applyFont="1" applyBorder="1" applyAlignment="1">
      <alignment horizontal="center" vertical="center"/>
    </xf>
    <xf numFmtId="49" fontId="19" fillId="0" borderId="22" xfId="7" applyNumberFormat="1" applyFont="1" applyBorder="1" applyAlignment="1">
      <alignment horizontal="center" vertical="center"/>
    </xf>
    <xf numFmtId="0" fontId="12" fillId="0" borderId="0" xfId="4" applyFont="1" applyAlignment="1">
      <alignment horizontal="left" vertical="center"/>
    </xf>
    <xf numFmtId="49" fontId="12" fillId="0" borderId="14" xfId="5" quotePrefix="1" applyNumberFormat="1" applyFont="1" applyBorder="1" applyAlignment="1">
      <alignment horizontal="center" vertical="center"/>
    </xf>
    <xf numFmtId="0" fontId="16" fillId="0" borderId="0" xfId="0" applyFont="1" applyAlignment="1">
      <alignment vertical="center"/>
    </xf>
    <xf numFmtId="0" fontId="12" fillId="0" borderId="1" xfId="4" applyFont="1" applyBorder="1" applyAlignment="1">
      <alignment vertical="center" wrapText="1"/>
    </xf>
    <xf numFmtId="0" fontId="5" fillId="0" borderId="0" xfId="4" applyFont="1" applyAlignment="1">
      <alignment horizontal="center" vertical="center"/>
    </xf>
    <xf numFmtId="0" fontId="15" fillId="0" borderId="3" xfId="4" applyFont="1" applyBorder="1" applyAlignment="1">
      <alignment vertical="center"/>
    </xf>
    <xf numFmtId="0" fontId="15" fillId="0" borderId="1" xfId="4" applyFont="1" applyBorder="1" applyAlignment="1">
      <alignment vertical="center" wrapText="1"/>
    </xf>
    <xf numFmtId="0" fontId="12" fillId="0" borderId="6" xfId="4" applyFont="1" applyBorder="1" applyAlignment="1">
      <alignment vertical="center" wrapText="1"/>
    </xf>
    <xf numFmtId="0" fontId="12" fillId="0" borderId="31" xfId="4" applyFont="1" applyBorder="1" applyAlignment="1">
      <alignment horizontal="center" vertical="center"/>
    </xf>
    <xf numFmtId="0" fontId="12" fillId="0" borderId="1" xfId="4" applyFont="1" applyBorder="1" applyAlignment="1">
      <alignment vertical="center"/>
    </xf>
    <xf numFmtId="0" fontId="5" fillId="0" borderId="0" xfId="4" applyFont="1" applyAlignment="1">
      <alignment vertical="center"/>
    </xf>
    <xf numFmtId="0" fontId="24" fillId="0" borderId="0" xfId="0" applyFont="1" applyAlignment="1">
      <alignment horizontal="center" vertical="center"/>
    </xf>
    <xf numFmtId="0" fontId="24" fillId="0" borderId="0" xfId="0" applyFont="1" applyAlignment="1">
      <alignment vertical="center"/>
    </xf>
    <xf numFmtId="0" fontId="0" fillId="0" borderId="0" xfId="0" applyAlignment="1">
      <alignment horizontal="center" vertical="center"/>
    </xf>
    <xf numFmtId="0" fontId="25" fillId="0" borderId="0" xfId="0" applyFont="1" applyAlignment="1">
      <alignment horizontal="center" vertical="center"/>
    </xf>
    <xf numFmtId="0" fontId="26" fillId="0" borderId="0" xfId="0" applyFont="1" applyAlignment="1">
      <alignment horizontal="center" vertical="center"/>
    </xf>
    <xf numFmtId="0" fontId="27" fillId="0" borderId="3" xfId="0" applyFont="1" applyBorder="1" applyAlignment="1">
      <alignment horizontal="left" vertical="center"/>
    </xf>
    <xf numFmtId="0" fontId="0" fillId="0" borderId="3" xfId="0" applyBorder="1">
      <alignment vertical="center"/>
    </xf>
    <xf numFmtId="0" fontId="27" fillId="0" borderId="0" xfId="0" applyFont="1" applyAlignment="1">
      <alignment horizontal="left" vertical="center"/>
    </xf>
    <xf numFmtId="0" fontId="29" fillId="0" borderId="0" xfId="0" applyFont="1" applyBorder="1" applyAlignment="1">
      <alignment horizontal="left" vertical="center"/>
    </xf>
    <xf numFmtId="0" fontId="0" fillId="0" borderId="0" xfId="0" applyBorder="1" applyAlignment="1">
      <alignment horizontal="center" vertical="center"/>
    </xf>
    <xf numFmtId="0" fontId="0" fillId="0" borderId="0" xfId="0" applyBorder="1">
      <alignment vertical="center"/>
    </xf>
    <xf numFmtId="0" fontId="30" fillId="0" borderId="0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31" fillId="0" borderId="0" xfId="0" applyFont="1" applyBorder="1" applyAlignment="1">
      <alignment horizontal="center" vertical="center"/>
    </xf>
    <xf numFmtId="58" fontId="6" fillId="0" borderId="0" xfId="6" applyNumberFormat="1" applyFont="1">
      <alignment vertical="center"/>
    </xf>
    <xf numFmtId="0" fontId="15" fillId="0" borderId="0" xfId="4" applyFont="1" applyAlignment="1">
      <alignment vertical="center"/>
    </xf>
    <xf numFmtId="0" fontId="13" fillId="0" borderId="0" xfId="2" applyFont="1" applyAlignment="1">
      <alignment horizontal="center" vertical="center"/>
    </xf>
    <xf numFmtId="0" fontId="12" fillId="4" borderId="7" xfId="4" applyFont="1" applyFill="1" applyBorder="1" applyAlignment="1">
      <alignment horizontal="center" vertical="center" wrapText="1"/>
    </xf>
    <xf numFmtId="0" fontId="12" fillId="4" borderId="8" xfId="4" applyFont="1" applyFill="1" applyBorder="1" applyAlignment="1">
      <alignment horizontal="center" vertical="center" wrapText="1"/>
    </xf>
    <xf numFmtId="0" fontId="12" fillId="4" borderId="20" xfId="4" applyFont="1" applyFill="1" applyBorder="1" applyAlignment="1">
      <alignment horizontal="center" vertical="center" wrapText="1"/>
    </xf>
    <xf numFmtId="0" fontId="12" fillId="0" borderId="7" xfId="4" applyFont="1" applyBorder="1" applyAlignment="1">
      <alignment horizontal="center" vertical="center" wrapText="1"/>
    </xf>
    <xf numFmtId="0" fontId="12" fillId="0" borderId="8" xfId="4" applyFont="1" applyBorder="1" applyAlignment="1">
      <alignment horizontal="center" vertical="center" wrapText="1"/>
    </xf>
    <xf numFmtId="0" fontId="12" fillId="0" borderId="20" xfId="4" applyFont="1" applyBorder="1" applyAlignment="1">
      <alignment horizontal="center" vertical="center" wrapText="1"/>
    </xf>
    <xf numFmtId="0" fontId="12" fillId="0" borderId="8" xfId="4" applyFont="1" applyBorder="1" applyAlignment="1">
      <alignment horizontal="center" vertical="center"/>
    </xf>
    <xf numFmtId="0" fontId="12" fillId="4" borderId="8" xfId="4" applyFont="1" applyFill="1" applyBorder="1" applyAlignment="1">
      <alignment horizontal="center" vertical="center"/>
    </xf>
    <xf numFmtId="0" fontId="12" fillId="0" borderId="7" xfId="4" applyFont="1" applyBorder="1" applyAlignment="1">
      <alignment horizontal="center" vertical="center"/>
    </xf>
    <xf numFmtId="0" fontId="12" fillId="0" borderId="10" xfId="4" applyFont="1" applyBorder="1" applyAlignment="1">
      <alignment horizontal="center" vertical="center" wrapText="1"/>
    </xf>
    <xf numFmtId="0" fontId="12" fillId="0" borderId="12" xfId="4" applyFont="1" applyBorder="1" applyAlignment="1">
      <alignment horizontal="center" vertical="center" wrapText="1"/>
    </xf>
    <xf numFmtId="0" fontId="12" fillId="0" borderId="30" xfId="4" applyFont="1" applyBorder="1" applyAlignment="1">
      <alignment horizontal="center" vertical="center" wrapText="1"/>
    </xf>
    <xf numFmtId="0" fontId="12" fillId="5" borderId="11" xfId="4" applyFont="1" applyFill="1" applyBorder="1" applyAlignment="1">
      <alignment horizontal="center" vertical="center" wrapText="1"/>
    </xf>
    <xf numFmtId="0" fontId="12" fillId="5" borderId="13" xfId="4" applyFont="1" applyFill="1" applyBorder="1" applyAlignment="1">
      <alignment horizontal="center" vertical="center" wrapText="1"/>
    </xf>
    <xf numFmtId="58" fontId="30" fillId="0" borderId="1" xfId="0" applyNumberFormat="1" applyFont="1" applyBorder="1" applyAlignment="1">
      <alignment horizontal="justify" vertical="center" wrapText="1"/>
    </xf>
    <xf numFmtId="0" fontId="30" fillId="0" borderId="1" xfId="0" applyFont="1" applyBorder="1" applyAlignment="1">
      <alignment horizontal="justify" vertical="center" wrapText="1"/>
    </xf>
    <xf numFmtId="0" fontId="30" fillId="0" borderId="2" xfId="0" applyFont="1" applyBorder="1" applyAlignment="1">
      <alignment horizontal="justify" vertical="center" wrapText="1"/>
    </xf>
    <xf numFmtId="0" fontId="30" fillId="0" borderId="5" xfId="0" applyFont="1" applyBorder="1" applyAlignment="1">
      <alignment horizontal="justify" vertical="center" wrapText="1"/>
    </xf>
    <xf numFmtId="0" fontId="30" fillId="0" borderId="6" xfId="0" applyFont="1" applyBorder="1" applyAlignment="1">
      <alignment horizontal="justify" vertical="center" wrapText="1"/>
    </xf>
    <xf numFmtId="0" fontId="6" fillId="0" borderId="0" xfId="6" applyAlignment="1">
      <alignment horizontal="center" vertical="center"/>
    </xf>
    <xf numFmtId="0" fontId="6" fillId="0" borderId="2" xfId="6" applyBorder="1" applyAlignment="1">
      <alignment horizontal="center" vertical="center"/>
    </xf>
    <xf numFmtId="0" fontId="6" fillId="0" borderId="6" xfId="6" applyBorder="1" applyAlignment="1">
      <alignment horizontal="center" vertical="center"/>
    </xf>
    <xf numFmtId="0" fontId="5" fillId="0" borderId="3" xfId="7" applyBorder="1" applyAlignment="1">
      <alignment vertical="center"/>
    </xf>
    <xf numFmtId="0" fontId="5" fillId="0" borderId="5" xfId="7" applyBorder="1" applyAlignment="1">
      <alignment vertical="center"/>
    </xf>
    <xf numFmtId="0" fontId="5" fillId="0" borderId="24" xfId="7" applyBorder="1" applyAlignment="1">
      <alignment vertical="center"/>
    </xf>
    <xf numFmtId="0" fontId="5" fillId="0" borderId="25" xfId="7" applyBorder="1" applyAlignment="1">
      <alignment vertical="center"/>
    </xf>
    <xf numFmtId="0" fontId="5" fillId="0" borderId="26" xfId="7" applyBorder="1" applyAlignment="1">
      <alignment vertical="center"/>
    </xf>
    <xf numFmtId="0" fontId="5" fillId="0" borderId="27" xfId="7" applyBorder="1" applyAlignment="1">
      <alignment vertical="center"/>
    </xf>
    <xf numFmtId="0" fontId="5" fillId="0" borderId="18" xfId="7" applyBorder="1" applyAlignment="1">
      <alignment vertical="center"/>
    </xf>
    <xf numFmtId="0" fontId="5" fillId="0" borderId="28" xfId="7" applyBorder="1" applyAlignment="1">
      <alignment vertical="center"/>
    </xf>
    <xf numFmtId="178" fontId="5" fillId="0" borderId="0" xfId="7" applyNumberFormat="1" applyAlignment="1">
      <alignment horizontal="left" vertical="center" indent="1"/>
    </xf>
    <xf numFmtId="0" fontId="5" fillId="0" borderId="3" xfId="7" applyBorder="1" applyAlignment="1">
      <alignment horizontal="center" vertical="center"/>
    </xf>
    <xf numFmtId="0" fontId="5" fillId="0" borderId="0" xfId="7" applyBorder="1" applyAlignment="1">
      <alignment horizontal="center" vertical="center"/>
    </xf>
    <xf numFmtId="0" fontId="4" fillId="0" borderId="0" xfId="7" applyFont="1" applyAlignment="1">
      <alignment horizontal="center" vertical="center"/>
    </xf>
    <xf numFmtId="0" fontId="5" fillId="0" borderId="7" xfId="7" applyBorder="1" applyAlignment="1">
      <alignment horizontal="center" vertical="center"/>
    </xf>
    <xf numFmtId="0" fontId="5" fillId="0" borderId="4" xfId="7" applyBorder="1" applyAlignment="1">
      <alignment horizontal="center" vertical="center"/>
    </xf>
    <xf numFmtId="0" fontId="5" fillId="0" borderId="2" xfId="7" applyBorder="1" applyAlignment="1">
      <alignment horizontal="center" vertical="center"/>
    </xf>
    <xf numFmtId="0" fontId="5" fillId="0" borderId="5" xfId="7" applyBorder="1" applyAlignment="1">
      <alignment horizontal="center" vertical="center"/>
    </xf>
    <xf numFmtId="0" fontId="5" fillId="0" borderId="6" xfId="7" applyBorder="1" applyAlignment="1">
      <alignment horizontal="center" vertical="center"/>
    </xf>
    <xf numFmtId="0" fontId="22" fillId="0" borderId="3" xfId="7" applyFont="1" applyBorder="1" applyAlignment="1">
      <alignment vertical="center" wrapText="1"/>
    </xf>
    <xf numFmtId="0" fontId="22" fillId="0" borderId="3" xfId="7" applyFont="1" applyBorder="1" applyAlignment="1">
      <alignment vertical="center"/>
    </xf>
    <xf numFmtId="0" fontId="19" fillId="0" borderId="5" xfId="7" applyFont="1" applyBorder="1" applyAlignment="1">
      <alignment vertical="center"/>
    </xf>
    <xf numFmtId="0" fontId="19" fillId="0" borderId="24" xfId="7" applyFont="1" applyBorder="1" applyAlignment="1">
      <alignment vertical="center"/>
    </xf>
    <xf numFmtId="0" fontId="19" fillId="0" borderId="25" xfId="7" applyFont="1" applyBorder="1" applyAlignment="1">
      <alignment vertical="center"/>
    </xf>
    <xf numFmtId="0" fontId="19" fillId="0" borderId="26" xfId="7" applyFont="1" applyBorder="1" applyAlignment="1">
      <alignment vertical="center"/>
    </xf>
    <xf numFmtId="0" fontId="19" fillId="0" borderId="27" xfId="7" applyFont="1" applyBorder="1" applyAlignment="1">
      <alignment vertical="center"/>
    </xf>
    <xf numFmtId="0" fontId="19" fillId="0" borderId="18" xfId="7" applyFont="1" applyBorder="1" applyAlignment="1">
      <alignment vertical="center"/>
    </xf>
    <xf numFmtId="0" fontId="19" fillId="0" borderId="28" xfId="7" applyFont="1" applyBorder="1" applyAlignment="1">
      <alignment vertical="center"/>
    </xf>
    <xf numFmtId="178" fontId="21" fillId="0" borderId="0" xfId="7" applyNumberFormat="1" applyFont="1" applyAlignment="1">
      <alignment horizontal="left" vertical="center" indent="1"/>
    </xf>
    <xf numFmtId="0" fontId="19" fillId="0" borderId="3" xfId="7" applyFont="1" applyBorder="1" applyAlignment="1">
      <alignment horizontal="center" vertical="center"/>
    </xf>
    <xf numFmtId="0" fontId="19" fillId="0" borderId="3" xfId="7" applyFont="1" applyBorder="1" applyAlignment="1">
      <alignment vertical="center"/>
    </xf>
    <xf numFmtId="0" fontId="18" fillId="0" borderId="0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5" xfId="7" applyFont="1" applyBorder="1" applyAlignment="1">
      <alignment horizontal="center" vertical="center"/>
    </xf>
    <xf numFmtId="0" fontId="20" fillId="0" borderId="5" xfId="7" applyFont="1" applyBorder="1" applyAlignment="1">
      <alignment horizontal="center" vertical="center"/>
    </xf>
    <xf numFmtId="0" fontId="20" fillId="0" borderId="6" xfId="7" applyFont="1" applyBorder="1" applyAlignment="1">
      <alignment horizontal="center" vertical="center"/>
    </xf>
  </cellXfs>
  <cellStyles count="8">
    <cellStyle name="桁区切り 2" xfId="5" xr:uid="{00000000-0005-0000-0000-000000000000}"/>
    <cellStyle name="標準" xfId="0" builtinId="0"/>
    <cellStyle name="標準 2" xfId="1" xr:uid="{00000000-0005-0000-0000-000002000000}"/>
    <cellStyle name="標準 2 2" xfId="6" xr:uid="{00000000-0005-0000-0000-000003000000}"/>
    <cellStyle name="標準 3" xfId="2" xr:uid="{00000000-0005-0000-0000-000004000000}"/>
    <cellStyle name="標準 4" xfId="3" xr:uid="{00000000-0005-0000-0000-000005000000}"/>
    <cellStyle name="標準 5" xfId="7" xr:uid="{00000000-0005-0000-0000-000006000000}"/>
    <cellStyle name="標準_◆【別紙1-1、1-2】計画書" xfId="4" xr:uid="{00000000-0005-0000-0000-000007000000}"/>
  </cellStyles>
  <dxfs count="0"/>
  <tableStyles count="0" defaultTableStyle="TableStyleMedium2" defaultPivotStyle="PivotStyleLight16"/>
  <colors>
    <mruColors>
      <color rgb="FFFFFF99"/>
      <color rgb="FFFFFFCC"/>
      <color rgb="FFFFCCFF"/>
      <color rgb="FFFF99CC"/>
      <color rgb="FFFF99FF"/>
      <color rgb="FFCCFFCC"/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6</xdr:col>
      <xdr:colOff>174172</xdr:colOff>
      <xdr:row>16</xdr:row>
      <xdr:rowOff>152399</xdr:rowOff>
    </xdr:from>
    <xdr:ext cx="6032421" cy="492571"/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200-000003000000}"/>
            </a:ext>
          </a:extLst>
        </xdr:cNvPr>
        <xdr:cNvSpPr txBox="1"/>
      </xdr:nvSpPr>
      <xdr:spPr>
        <a:xfrm>
          <a:off x="6574972" y="5671456"/>
          <a:ext cx="6032421" cy="492571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38100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1200">
              <a:latin typeface="ＭＳ 明朝" panose="02020609040205080304" pitchFamily="17" charset="-128"/>
              <a:ea typeface="ＭＳ 明朝" panose="02020609040205080304" pitchFamily="17" charset="-128"/>
            </a:rPr>
            <a:t>・</a:t>
          </a:r>
          <a:r>
            <a:rPr lang="ja-JP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移乗支援（装着型・非装着型）・入浴支援用機器の場合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：</a:t>
          </a:r>
          <a:r>
            <a:rPr lang="en-US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2,000,000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円</a:t>
          </a:r>
          <a:r>
            <a:rPr lang="en-US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/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１台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r>
            <a:rPr kumimoji="1"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・</a:t>
          </a:r>
          <a:r>
            <a:rPr lang="ja-JP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移動支援、排泄支援、見守り・コミュニケーション用機器の場合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：</a:t>
          </a:r>
          <a:r>
            <a:rPr lang="en-US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600,000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円</a:t>
          </a:r>
          <a:r>
            <a:rPr lang="en-US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/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１台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</xdr:txBody>
    </xdr:sp>
    <xdr:clientData/>
  </xdr:oneCellAnchor>
  <xdr:twoCellAnchor>
    <xdr:from>
      <xdr:col>7</xdr:col>
      <xdr:colOff>359229</xdr:colOff>
      <xdr:row>9</xdr:row>
      <xdr:rowOff>1164771</xdr:rowOff>
    </xdr:from>
    <xdr:to>
      <xdr:col>7</xdr:col>
      <xdr:colOff>664030</xdr:colOff>
      <xdr:row>16</xdr:row>
      <xdr:rowOff>141514</xdr:rowOff>
    </xdr:to>
    <xdr:cxnSp macro="">
      <xdr:nvCxnSpPr>
        <xdr:cNvPr id="5" name="直線矢印コネクタ 4">
          <a:extLst>
            <a:ext uri="{FF2B5EF4-FFF2-40B4-BE49-F238E27FC236}">
              <a16:creationId xmlns:a16="http://schemas.microsoft.com/office/drawing/2014/main" id="{00000000-0008-0000-0200-000005000000}"/>
            </a:ext>
          </a:extLst>
        </xdr:cNvPr>
        <xdr:cNvCxnSpPr/>
      </xdr:nvCxnSpPr>
      <xdr:spPr>
        <a:xfrm flipV="1">
          <a:off x="7826829" y="3766457"/>
          <a:ext cx="304801" cy="1894114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2</xdr:col>
      <xdr:colOff>664027</xdr:colOff>
      <xdr:row>12</xdr:row>
      <xdr:rowOff>163285</xdr:rowOff>
    </xdr:from>
    <xdr:ext cx="4336572" cy="492571"/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200-000006000000}"/>
            </a:ext>
          </a:extLst>
        </xdr:cNvPr>
        <xdr:cNvSpPr txBox="1"/>
      </xdr:nvSpPr>
      <xdr:spPr>
        <a:xfrm>
          <a:off x="2786741" y="4517571"/>
          <a:ext cx="4336572" cy="492571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38100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ja-JP" altLang="ja-JP" sz="1100" b="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発注書（注文書）もしくは契約書</a:t>
          </a:r>
          <a:r>
            <a:rPr kumimoji="1" lang="ja-JP" altLang="en-US" sz="1200" b="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に</a:t>
          </a:r>
          <a:r>
            <a:rPr kumimoji="1"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記載している中で補助対象と</a:t>
          </a:r>
          <a:endParaRPr kumimoji="1"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r>
            <a:rPr kumimoji="1"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なる費用を入れる。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</xdr:txBody>
    </xdr:sp>
    <xdr:clientData/>
  </xdr:oneCellAnchor>
  <xdr:twoCellAnchor>
    <xdr:from>
      <xdr:col>3</xdr:col>
      <xdr:colOff>631370</xdr:colOff>
      <xdr:row>9</xdr:row>
      <xdr:rowOff>1023257</xdr:rowOff>
    </xdr:from>
    <xdr:to>
      <xdr:col>4</xdr:col>
      <xdr:colOff>43541</xdr:colOff>
      <xdr:row>12</xdr:row>
      <xdr:rowOff>163286</xdr:rowOff>
    </xdr:to>
    <xdr:cxnSp macro="">
      <xdr:nvCxnSpPr>
        <xdr:cNvPr id="7" name="直線矢印コネクタ 6">
          <a:extLst>
            <a:ext uri="{FF2B5EF4-FFF2-40B4-BE49-F238E27FC236}">
              <a16:creationId xmlns:a16="http://schemas.microsoft.com/office/drawing/2014/main" id="{00000000-0008-0000-0200-000007000000}"/>
            </a:ext>
          </a:extLst>
        </xdr:cNvPr>
        <xdr:cNvCxnSpPr/>
      </xdr:nvCxnSpPr>
      <xdr:spPr>
        <a:xfrm flipH="1" flipV="1">
          <a:off x="3831770" y="3624943"/>
          <a:ext cx="478971" cy="838200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2</xdr:col>
      <xdr:colOff>620486</xdr:colOff>
      <xdr:row>2</xdr:row>
      <xdr:rowOff>152399</xdr:rowOff>
    </xdr:from>
    <xdr:ext cx="2185214" cy="492571"/>
    <xdr:sp macro="" textlink="">
      <xdr:nvSpPr>
        <xdr:cNvPr id="8" name="テキスト ボックス 7">
          <a:extLst>
            <a:ext uri="{FF2B5EF4-FFF2-40B4-BE49-F238E27FC236}">
              <a16:creationId xmlns:a16="http://schemas.microsoft.com/office/drawing/2014/main" id="{00000000-0008-0000-0200-000008000000}"/>
            </a:ext>
          </a:extLst>
        </xdr:cNvPr>
        <xdr:cNvSpPr txBox="1"/>
      </xdr:nvSpPr>
      <xdr:spPr>
        <a:xfrm>
          <a:off x="2754086" y="838199"/>
          <a:ext cx="2185214" cy="492571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38100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市町村等ほかの補助金を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併用する場合のみ入力する。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</xdr:txBody>
    </xdr:sp>
    <xdr:clientData/>
  </xdr:oneCellAnchor>
  <xdr:twoCellAnchor>
    <xdr:from>
      <xdr:col>4</xdr:col>
      <xdr:colOff>41158</xdr:colOff>
      <xdr:row>4</xdr:row>
      <xdr:rowOff>263970</xdr:rowOff>
    </xdr:from>
    <xdr:to>
      <xdr:col>4</xdr:col>
      <xdr:colOff>468086</xdr:colOff>
      <xdr:row>9</xdr:row>
      <xdr:rowOff>511628</xdr:rowOff>
    </xdr:to>
    <xdr:cxnSp macro="">
      <xdr:nvCxnSpPr>
        <xdr:cNvPr id="9" name="直線矢印コネクタ 8">
          <a:extLst>
            <a:ext uri="{FF2B5EF4-FFF2-40B4-BE49-F238E27FC236}">
              <a16:creationId xmlns:a16="http://schemas.microsoft.com/office/drawing/2014/main" id="{00000000-0008-0000-0200-000009000000}"/>
            </a:ext>
          </a:extLst>
        </xdr:cNvPr>
        <xdr:cNvCxnSpPr/>
      </xdr:nvCxnSpPr>
      <xdr:spPr>
        <a:xfrm>
          <a:off x="4308358" y="1341656"/>
          <a:ext cx="426928" cy="1771658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0</xdr:col>
      <xdr:colOff>141514</xdr:colOff>
      <xdr:row>15</xdr:row>
      <xdr:rowOff>217713</xdr:rowOff>
    </xdr:from>
    <xdr:ext cx="5109091" cy="492571"/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id="{00000000-0008-0000-0200-000011000000}"/>
            </a:ext>
          </a:extLst>
        </xdr:cNvPr>
        <xdr:cNvSpPr txBox="1"/>
      </xdr:nvSpPr>
      <xdr:spPr>
        <a:xfrm>
          <a:off x="141514" y="5431970"/>
          <a:ext cx="5109091" cy="492571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38100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別添「</a:t>
          </a:r>
          <a:r>
            <a:rPr lang="ja-JP" altLang="en-US" sz="1100" b="0" i="0" u="none" strike="noStrike" baseline="0">
              <a:solidFill>
                <a:schemeClr val="tx1"/>
              </a:solidFill>
              <a:latin typeface="+mn-lt"/>
              <a:ea typeface="+mn-ea"/>
              <a:cs typeface="+mn-cs"/>
            </a:rPr>
            <a:t>令和７年度 神奈川県「介護ロボット導入支援事業」補助対象ロボット一覧」の</a:t>
          </a:r>
          <a:endParaRPr lang="en-US" altLang="ja-JP" sz="1100" b="0" i="0" u="none" strike="noStrike" baseline="0">
            <a:solidFill>
              <a:schemeClr val="tx1"/>
            </a:solidFill>
            <a:latin typeface="+mn-lt"/>
            <a:ea typeface="+mn-ea"/>
            <a:cs typeface="+mn-cs"/>
          </a:endParaRPr>
        </a:p>
        <a:p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「分野」、「</a:t>
          </a:r>
          <a:r>
            <a:rPr lang="en-US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NO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」、「機器の名称及び導入台数」をそれぞれ入力する。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</xdr:txBody>
    </xdr:sp>
    <xdr:clientData/>
  </xdr:oneCellAnchor>
  <xdr:twoCellAnchor>
    <xdr:from>
      <xdr:col>0</xdr:col>
      <xdr:colOff>859971</xdr:colOff>
      <xdr:row>9</xdr:row>
      <xdr:rowOff>1415143</xdr:rowOff>
    </xdr:from>
    <xdr:to>
      <xdr:col>1</xdr:col>
      <xdr:colOff>631372</xdr:colOff>
      <xdr:row>15</xdr:row>
      <xdr:rowOff>195944</xdr:rowOff>
    </xdr:to>
    <xdr:cxnSp macro="">
      <xdr:nvCxnSpPr>
        <xdr:cNvPr id="18" name="直線矢印コネクタ 17">
          <a:extLst>
            <a:ext uri="{FF2B5EF4-FFF2-40B4-BE49-F238E27FC236}">
              <a16:creationId xmlns:a16="http://schemas.microsoft.com/office/drawing/2014/main" id="{00000000-0008-0000-0200-000012000000}"/>
            </a:ext>
          </a:extLst>
        </xdr:cNvPr>
        <xdr:cNvCxnSpPr/>
      </xdr:nvCxnSpPr>
      <xdr:spPr>
        <a:xfrm flipH="1" flipV="1">
          <a:off x="859971" y="4016829"/>
          <a:ext cx="838201" cy="1393372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</xdr:col>
      <xdr:colOff>576943</xdr:colOff>
      <xdr:row>9</xdr:row>
      <xdr:rowOff>1371599</xdr:rowOff>
    </xdr:from>
    <xdr:to>
      <xdr:col>1</xdr:col>
      <xdr:colOff>642259</xdr:colOff>
      <xdr:row>15</xdr:row>
      <xdr:rowOff>206829</xdr:rowOff>
    </xdr:to>
    <xdr:cxnSp macro="">
      <xdr:nvCxnSpPr>
        <xdr:cNvPr id="26" name="直線矢印コネクタ 25">
          <a:extLst>
            <a:ext uri="{FF2B5EF4-FFF2-40B4-BE49-F238E27FC236}">
              <a16:creationId xmlns:a16="http://schemas.microsoft.com/office/drawing/2014/main" id="{00000000-0008-0000-0200-00001A000000}"/>
            </a:ext>
          </a:extLst>
        </xdr:cNvPr>
        <xdr:cNvCxnSpPr/>
      </xdr:nvCxnSpPr>
      <xdr:spPr>
        <a:xfrm flipH="1" flipV="1">
          <a:off x="1643743" y="3973285"/>
          <a:ext cx="65316" cy="1447801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</xdr:col>
      <xdr:colOff>642259</xdr:colOff>
      <xdr:row>9</xdr:row>
      <xdr:rowOff>1360714</xdr:rowOff>
    </xdr:from>
    <xdr:to>
      <xdr:col>2</xdr:col>
      <xdr:colOff>315686</xdr:colOff>
      <xdr:row>15</xdr:row>
      <xdr:rowOff>217716</xdr:rowOff>
    </xdr:to>
    <xdr:cxnSp macro="">
      <xdr:nvCxnSpPr>
        <xdr:cNvPr id="27" name="直線矢印コネクタ 26">
          <a:extLst>
            <a:ext uri="{FF2B5EF4-FFF2-40B4-BE49-F238E27FC236}">
              <a16:creationId xmlns:a16="http://schemas.microsoft.com/office/drawing/2014/main" id="{00000000-0008-0000-0200-00001B000000}"/>
            </a:ext>
          </a:extLst>
        </xdr:cNvPr>
        <xdr:cNvCxnSpPr/>
      </xdr:nvCxnSpPr>
      <xdr:spPr>
        <a:xfrm flipV="1">
          <a:off x="1709059" y="3962400"/>
          <a:ext cx="740227" cy="1469573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295275</xdr:colOff>
      <xdr:row>6</xdr:row>
      <xdr:rowOff>19050</xdr:rowOff>
    </xdr:from>
    <xdr:to>
      <xdr:col>2</xdr:col>
      <xdr:colOff>2371725</xdr:colOff>
      <xdr:row>6</xdr:row>
      <xdr:rowOff>904875</xdr:rowOff>
    </xdr:to>
    <xdr:sp macro="" textlink="">
      <xdr:nvSpPr>
        <xdr:cNvPr id="2" name="テキスト ボックス 14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SpPr txBox="1"/>
      </xdr:nvSpPr>
      <xdr:spPr>
        <a:xfrm>
          <a:off x="2314575" y="1314450"/>
          <a:ext cx="2076450" cy="885825"/>
        </a:xfrm>
        <a:prstGeom prst="rect">
          <a:avLst/>
        </a:prstGeom>
        <a:solidFill>
          <a:srgbClr val="FFFFFF"/>
        </a:solidFill>
        <a:ln w="31750">
          <a:solidFill>
            <a:srgbClr val="FF0000"/>
          </a:solidFill>
        </a:ln>
        <a:effectLst/>
      </xdr:spPr>
      <xdr:txBody>
        <a:bodyPr vert="horz" wrap="square" lIns="91440" tIns="45720" rIns="91440" bIns="45720" fromWordArt="0" anchor="t" anchorCtr="0">
          <a:prstTxWarp prst="textNoShape">
            <a:avLst/>
          </a:prstTxWarp>
          <a:noAutofit/>
        </a:bodyPr>
        <a:lstStyle/>
        <a:p>
          <a:pPr algn="l">
            <a:lnSpc>
              <a:spcPts val="1200"/>
            </a:lnSpc>
            <a:spcAft>
              <a:spcPts val="0"/>
            </a:spcAft>
          </a:pPr>
          <a:endParaRPr lang="en-US" altLang="ja-JP" sz="1050" b="1" kern="10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algn="l">
            <a:lnSpc>
              <a:spcPts val="1200"/>
            </a:lnSpc>
            <a:spcAft>
              <a:spcPts val="0"/>
            </a:spcAft>
          </a:pPr>
          <a:r>
            <a:rPr lang="ja-JP" altLang="en-US" sz="1050" b="1" kern="100">
              <a:solidFill>
                <a:schemeClr val="tx1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事業計画書に記載した</a:t>
          </a:r>
          <a:endParaRPr lang="en-US" altLang="ja-JP" sz="1050" b="1" kern="100">
            <a:solidFill>
              <a:schemeClr val="tx1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algn="l">
            <a:lnSpc>
              <a:spcPts val="1200"/>
            </a:lnSpc>
            <a:spcAft>
              <a:spcPts val="0"/>
            </a:spcAft>
          </a:pPr>
          <a:r>
            <a:rPr lang="ja-JP" altLang="en-US" sz="1050" b="1" kern="100">
              <a:solidFill>
                <a:schemeClr val="tx1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</a:t>
          </a:r>
          <a:r>
            <a:rPr lang="ja-JP" altLang="en-US" sz="1050" b="1" kern="10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・数値目標</a:t>
          </a:r>
          <a:endParaRPr lang="en-US" altLang="ja-JP" sz="1050" b="1" kern="10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algn="l">
            <a:lnSpc>
              <a:spcPts val="1100"/>
            </a:lnSpc>
            <a:spcAft>
              <a:spcPts val="0"/>
            </a:spcAft>
          </a:pPr>
          <a:r>
            <a:rPr lang="ja-JP" altLang="en-US" sz="1050" b="1" kern="100">
              <a:solidFill>
                <a:schemeClr val="tx1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</a:t>
          </a:r>
          <a:r>
            <a:rPr lang="ja-JP" altLang="en-US" sz="1050" b="1" kern="10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・具体的な取組内容</a:t>
          </a:r>
          <a:endParaRPr lang="en-US" altLang="ja-JP" sz="1050" b="1" kern="10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algn="l">
            <a:lnSpc>
              <a:spcPts val="1100"/>
            </a:lnSpc>
            <a:spcAft>
              <a:spcPts val="0"/>
            </a:spcAft>
          </a:pPr>
          <a:r>
            <a:rPr lang="ja-JP" altLang="en-US" sz="1050" b="1" kern="100">
              <a:solidFill>
                <a:schemeClr val="tx1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をご記入下さい。</a:t>
          </a:r>
          <a:endParaRPr lang="en-US" altLang="ja-JP" sz="1050" b="1" kern="100">
            <a:solidFill>
              <a:schemeClr val="tx1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</xdr:txBody>
    </xdr:sp>
    <xdr:clientData/>
  </xdr:twoCellAnchor>
  <xdr:twoCellAnchor>
    <xdr:from>
      <xdr:col>2</xdr:col>
      <xdr:colOff>285750</xdr:colOff>
      <xdr:row>8</xdr:row>
      <xdr:rowOff>66675</xdr:rowOff>
    </xdr:from>
    <xdr:to>
      <xdr:col>3</xdr:col>
      <xdr:colOff>609600</xdr:colOff>
      <xdr:row>8</xdr:row>
      <xdr:rowOff>942975</xdr:rowOff>
    </xdr:to>
    <xdr:sp macro="" textlink="">
      <xdr:nvSpPr>
        <xdr:cNvPr id="4" name="テキスト ボックス 14">
          <a:extLst>
            <a:ext uri="{FF2B5EF4-FFF2-40B4-BE49-F238E27FC236}">
              <a16:creationId xmlns:a16="http://schemas.microsoft.com/office/drawing/2014/main" id="{00000000-0008-0000-0400-000004000000}"/>
            </a:ext>
          </a:extLst>
        </xdr:cNvPr>
        <xdr:cNvSpPr txBox="1"/>
      </xdr:nvSpPr>
      <xdr:spPr>
        <a:xfrm>
          <a:off x="2305050" y="3343275"/>
          <a:ext cx="3790950" cy="876300"/>
        </a:xfrm>
        <a:prstGeom prst="rect">
          <a:avLst/>
        </a:prstGeom>
        <a:solidFill>
          <a:srgbClr val="FFFFFF"/>
        </a:solidFill>
        <a:ln w="31750">
          <a:solidFill>
            <a:srgbClr val="FF0000"/>
          </a:solidFill>
        </a:ln>
        <a:effectLst/>
      </xdr:spPr>
      <xdr:txBody>
        <a:bodyPr vert="horz" wrap="square" lIns="91440" tIns="45720" rIns="91440" bIns="45720" fromWordArt="0" anchor="t" anchorCtr="0">
          <a:prstTxWarp prst="textNoShape">
            <a:avLst/>
          </a:prstTxWarp>
          <a:noAutofit/>
        </a:bodyPr>
        <a:lstStyle/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endParaRPr lang="en-US" altLang="ja-JP" sz="1050" b="1" i="0" u="none" kern="100" spc="0" baseline="0">
            <a:ln>
              <a:noFill/>
            </a:ln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50" b="1" i="0" u="none" kern="100" spc="0" baseline="0">
              <a:ln>
                <a:noFill/>
              </a:ln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可能な範囲でご記入ください。</a:t>
          </a:r>
          <a:endParaRPr lang="en-US" altLang="ja-JP" sz="1050" b="1" i="0" u="none" kern="100" spc="0" baseline="0">
            <a:ln>
              <a:noFill/>
            </a:ln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50" b="1" i="0" u="none" kern="100" spc="0" baseline="0">
              <a:ln>
                <a:noFill/>
              </a:ln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</a:t>
          </a:r>
          <a:r>
            <a:rPr lang="ja-JP" altLang="en-US" sz="1050" b="1" i="0" u="none" kern="100" spc="0" baseline="0">
              <a:ln>
                <a:noFill/>
              </a:ln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・導入前の客観的数値</a:t>
          </a:r>
          <a:endParaRPr lang="en-US" altLang="ja-JP" sz="1050" b="1" i="0" u="none" kern="100" spc="0" baseline="0">
            <a:ln>
              <a:noFill/>
            </a:ln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50" b="1" i="0" u="none" kern="100" spc="0" baseline="0">
              <a:ln>
                <a:noFill/>
              </a:ln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・導入後の客観的数値</a:t>
          </a:r>
          <a:endParaRPr lang="en-US" altLang="ja-JP" sz="1050" b="1" i="0" u="none" kern="100" spc="0" baseline="0">
            <a:ln>
              <a:noFill/>
            </a:ln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50" b="1" i="0" u="none" kern="100" spc="0" baseline="0">
              <a:ln>
                <a:noFill/>
              </a:ln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</a:t>
          </a:r>
          <a:r>
            <a:rPr lang="ja-JP" altLang="en-US" sz="1050" b="1" i="0" u="none" kern="100" spc="0" baseline="0">
              <a:ln>
                <a:noFill/>
              </a:ln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・具体的な取組成果</a:t>
          </a:r>
          <a:endParaRPr lang="en-US" altLang="ja-JP" sz="1050" b="1" i="0" u="none" kern="100" spc="0" baseline="0">
            <a:ln>
              <a:noFill/>
            </a:ln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50" b="1" i="0" u="none" kern="100" spc="0" baseline="0">
              <a:ln>
                <a:noFill/>
              </a:ln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</a:t>
          </a:r>
          <a:endParaRPr lang="en-US" altLang="ja-JP" sz="1050" b="1" i="0" u="none" kern="100" spc="0" baseline="0">
            <a:ln>
              <a:noFill/>
            </a:ln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06680</xdr:colOff>
      <xdr:row>17</xdr:row>
      <xdr:rowOff>68580</xdr:rowOff>
    </xdr:from>
    <xdr:to>
      <xdr:col>3</xdr:col>
      <xdr:colOff>1394460</xdr:colOff>
      <xdr:row>20</xdr:row>
      <xdr:rowOff>144780</xdr:rowOff>
    </xdr:to>
    <xdr:sp macro="" textlink="">
      <xdr:nvSpPr>
        <xdr:cNvPr id="3" name="四角形吹き出し 2">
          <a:extLst>
            <a:ext uri="{FF2B5EF4-FFF2-40B4-BE49-F238E27FC236}">
              <a16:creationId xmlns:a16="http://schemas.microsoft.com/office/drawing/2014/main" id="{00000000-0008-0000-0500-000009000000}"/>
            </a:ext>
          </a:extLst>
        </xdr:cNvPr>
        <xdr:cNvSpPr/>
      </xdr:nvSpPr>
      <xdr:spPr>
        <a:xfrm>
          <a:off x="3398520" y="4061460"/>
          <a:ext cx="2933700" cy="624840"/>
        </a:xfrm>
        <a:prstGeom prst="wedgeRectCallout">
          <a:avLst>
            <a:gd name="adj1" fmla="val -40511"/>
            <a:gd name="adj2" fmla="val -158935"/>
          </a:avLst>
        </a:prstGeom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00">
              <a:solidFill>
                <a:schemeClr val="tx1"/>
              </a:solidFill>
            </a:rPr>
            <a:t>大項目の中で該当するもののみ抜粋して記載してください。</a:t>
          </a:r>
        </a:p>
      </xdr:txBody>
    </xdr:sp>
    <xdr:clientData/>
  </xdr:twoCellAnchor>
  <xdr:twoCellAnchor>
    <xdr:from>
      <xdr:col>0</xdr:col>
      <xdr:colOff>63500</xdr:colOff>
      <xdr:row>3</xdr:row>
      <xdr:rowOff>50800</xdr:rowOff>
    </xdr:from>
    <xdr:to>
      <xdr:col>0</xdr:col>
      <xdr:colOff>1111250</xdr:colOff>
      <xdr:row>4</xdr:row>
      <xdr:rowOff>355600</xdr:rowOff>
    </xdr:to>
    <xdr:sp macro="" textlink="">
      <xdr:nvSpPr>
        <xdr:cNvPr id="5" name="角丸四角形 4">
          <a:extLst>
            <a:ext uri="{FF2B5EF4-FFF2-40B4-BE49-F238E27FC236}">
              <a16:creationId xmlns:a16="http://schemas.microsoft.com/office/drawing/2014/main" id="{00000000-0008-0000-0600-000005000000}"/>
            </a:ext>
          </a:extLst>
        </xdr:cNvPr>
        <xdr:cNvSpPr/>
      </xdr:nvSpPr>
      <xdr:spPr>
        <a:xfrm>
          <a:off x="63500" y="482600"/>
          <a:ext cx="1047750" cy="482600"/>
        </a:xfrm>
        <a:prstGeom prst="roundRect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2000"/>
            <a:t>記載例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0</xdr:colOff>
      <xdr:row>5</xdr:row>
      <xdr:rowOff>0</xdr:rowOff>
    </xdr:from>
    <xdr:to>
      <xdr:col>9</xdr:col>
      <xdr:colOff>184150</xdr:colOff>
      <xdr:row>8</xdr:row>
      <xdr:rowOff>260350</xdr:rowOff>
    </xdr:to>
    <xdr:sp macro="" textlink="">
      <xdr:nvSpPr>
        <xdr:cNvPr id="2" name="角丸四角形 1">
          <a:extLst>
            <a:ext uri="{FF2B5EF4-FFF2-40B4-BE49-F238E27FC236}">
              <a16:creationId xmlns:a16="http://schemas.microsoft.com/office/drawing/2014/main" id="{00000000-0008-0000-0700-000002000000}"/>
            </a:ext>
          </a:extLst>
        </xdr:cNvPr>
        <xdr:cNvSpPr/>
      </xdr:nvSpPr>
      <xdr:spPr>
        <a:xfrm>
          <a:off x="990600" y="1303020"/>
          <a:ext cx="4222750" cy="1769110"/>
        </a:xfrm>
        <a:prstGeom prst="roundRect">
          <a:avLst/>
        </a:prstGeom>
        <a:solidFill>
          <a:schemeClr val="accent4">
            <a:lumMod val="20000"/>
            <a:lumOff val="80000"/>
          </a:schemeClr>
        </a:solidFill>
        <a:ln w="317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800">
              <a:solidFill>
                <a:schemeClr val="tx1"/>
              </a:solidFill>
            </a:rPr>
            <a:t>交付申請時から変更がある場合のみ、提出してください。</a:t>
          </a: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46050</xdr:colOff>
      <xdr:row>2</xdr:row>
      <xdr:rowOff>15875</xdr:rowOff>
    </xdr:from>
    <xdr:to>
      <xdr:col>2</xdr:col>
      <xdr:colOff>733425</xdr:colOff>
      <xdr:row>4</xdr:row>
      <xdr:rowOff>130175</xdr:rowOff>
    </xdr:to>
    <xdr:sp macro="" textlink="">
      <xdr:nvSpPr>
        <xdr:cNvPr id="2" name="AutoShape 2">
          <a:extLst>
            <a:ext uri="{FF2B5EF4-FFF2-40B4-BE49-F238E27FC236}">
              <a16:creationId xmlns:a16="http://schemas.microsoft.com/office/drawing/2014/main" id="{00000000-0008-0000-0800-000002000000}"/>
            </a:ext>
          </a:extLst>
        </xdr:cNvPr>
        <xdr:cNvSpPr>
          <a:spLocks noChangeArrowheads="1"/>
        </xdr:cNvSpPr>
      </xdr:nvSpPr>
      <xdr:spPr bwMode="auto">
        <a:xfrm>
          <a:off x="330200" y="511175"/>
          <a:ext cx="1400175" cy="520700"/>
        </a:xfrm>
        <a:prstGeom prst="roundRect">
          <a:avLst>
            <a:gd name="adj" fmla="val 12727"/>
          </a:avLst>
        </a:prstGeom>
        <a:solidFill>
          <a:srgbClr val="CCFFCC"/>
        </a:solidFill>
        <a:ln w="9525" algn="ctr">
          <a:solidFill>
            <a:srgbClr val="000000"/>
          </a:solidFill>
          <a:round/>
          <a:headEnd/>
          <a:tailEnd/>
        </a:ln>
        <a:effectLst/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8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記入例</a:t>
          </a:r>
        </a:p>
      </xdr:txBody>
    </xdr:sp>
    <xdr:clientData/>
  </xdr:twoCellAnchor>
  <xdr:twoCellAnchor>
    <xdr:from>
      <xdr:col>2</xdr:col>
      <xdr:colOff>1743075</xdr:colOff>
      <xdr:row>12</xdr:row>
      <xdr:rowOff>38100</xdr:rowOff>
    </xdr:from>
    <xdr:to>
      <xdr:col>10</xdr:col>
      <xdr:colOff>9525</xdr:colOff>
      <xdr:row>18</xdr:row>
      <xdr:rowOff>121920</xdr:rowOff>
    </xdr:to>
    <xdr:sp macro="" textlink="">
      <xdr:nvSpPr>
        <xdr:cNvPr id="3" name="AutoShape 3">
          <a:extLst>
            <a:ext uri="{FF2B5EF4-FFF2-40B4-BE49-F238E27FC236}">
              <a16:creationId xmlns:a16="http://schemas.microsoft.com/office/drawing/2014/main" id="{00000000-0008-0000-0800-000003000000}"/>
            </a:ext>
          </a:extLst>
        </xdr:cNvPr>
        <xdr:cNvSpPr>
          <a:spLocks noChangeArrowheads="1"/>
        </xdr:cNvSpPr>
      </xdr:nvSpPr>
      <xdr:spPr bwMode="auto">
        <a:xfrm>
          <a:off x="2740025" y="4013200"/>
          <a:ext cx="2527300" cy="1264920"/>
        </a:xfrm>
        <a:prstGeom prst="wedgeRectCallout">
          <a:avLst>
            <a:gd name="adj1" fmla="val -22340"/>
            <a:gd name="adj2" fmla="val -121931"/>
          </a:avLst>
        </a:prstGeom>
        <a:solidFill>
          <a:srgbClr val="C0C0C0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通帳等に記載されているフリガナ、口座名義人を確認し、</a:t>
          </a:r>
          <a:r>
            <a:rPr lang="ja-JP" altLang="en-US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括弧、法人略記まで正確に記載してください</a:t>
          </a:r>
          <a:r>
            <a:rPr lang="ja-JP" altLang="en-US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。口座名義人と表記が異なりますと振り込まれない場合があります。</a:t>
          </a:r>
          <a:endParaRPr lang="ja-JP" altLang="en-US" sz="1200" b="0" i="0" u="none" strike="noStrike" baseline="0">
            <a:solidFill>
              <a:srgbClr val="000000"/>
            </a:solidFill>
            <a:latin typeface="Times New Roman"/>
            <a:cs typeface="Times New Roman"/>
          </a:endParaRPr>
        </a:p>
        <a:p>
          <a:pPr algn="l" rtl="0">
            <a:defRPr sz="1000"/>
          </a:pPr>
          <a:endParaRPr lang="ja-JP" altLang="en-US" sz="1200" b="0" i="0" u="none" strike="noStrike" baseline="0">
            <a:solidFill>
              <a:srgbClr val="000000"/>
            </a:solidFill>
            <a:latin typeface="Times New Roman"/>
            <a:cs typeface="Times New Roman"/>
          </a:endParaRPr>
        </a:p>
      </xdr:txBody>
    </xdr:sp>
    <xdr:clientData/>
  </xdr:twoCellAnchor>
  <xdr:twoCellAnchor>
    <xdr:from>
      <xdr:col>1</xdr:col>
      <xdr:colOff>142875</xdr:colOff>
      <xdr:row>19</xdr:row>
      <xdr:rowOff>114300</xdr:rowOff>
    </xdr:from>
    <xdr:to>
      <xdr:col>2</xdr:col>
      <xdr:colOff>1247775</xdr:colOff>
      <xdr:row>22</xdr:row>
      <xdr:rowOff>220980</xdr:rowOff>
    </xdr:to>
    <xdr:sp macro="" textlink="">
      <xdr:nvSpPr>
        <xdr:cNvPr id="4" name="AutoShape 4">
          <a:extLst>
            <a:ext uri="{FF2B5EF4-FFF2-40B4-BE49-F238E27FC236}">
              <a16:creationId xmlns:a16="http://schemas.microsoft.com/office/drawing/2014/main" id="{00000000-0008-0000-0800-000004000000}"/>
            </a:ext>
          </a:extLst>
        </xdr:cNvPr>
        <xdr:cNvSpPr>
          <a:spLocks noChangeArrowheads="1"/>
        </xdr:cNvSpPr>
      </xdr:nvSpPr>
      <xdr:spPr bwMode="auto">
        <a:xfrm>
          <a:off x="327025" y="5467350"/>
          <a:ext cx="1917700" cy="1249680"/>
        </a:xfrm>
        <a:prstGeom prst="wedgeRectCallout">
          <a:avLst>
            <a:gd name="adj1" fmla="val 68605"/>
            <a:gd name="adj2" fmla="val 38651"/>
          </a:avLst>
        </a:prstGeom>
        <a:solidFill>
          <a:srgbClr val="C0C0C0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申請書</a:t>
          </a:r>
          <a:r>
            <a:rPr lang="en-US" altLang="ja-JP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(</a:t>
          </a:r>
          <a:r>
            <a:rPr lang="ja-JP" altLang="en-US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申請者</a:t>
          </a:r>
          <a:r>
            <a:rPr lang="en-US" altLang="ja-JP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)</a:t>
          </a:r>
          <a:r>
            <a:rPr lang="ja-JP" altLang="en-US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と同じ</a:t>
          </a:r>
          <a:r>
            <a:rPr lang="ja-JP" altLang="en-US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郵便番号、電話番号、住所、氏名</a:t>
          </a:r>
          <a:r>
            <a:rPr lang="en-US" altLang="ja-JP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(</a:t>
          </a:r>
          <a:r>
            <a:rPr lang="ja-JP" altLang="en-US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法人名、施設名</a:t>
          </a:r>
          <a:r>
            <a:rPr lang="en-US" altLang="ja-JP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)</a:t>
          </a:r>
          <a:r>
            <a:rPr lang="ja-JP" altLang="en-US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を記載いただくようお願いいたします。</a:t>
          </a:r>
        </a:p>
        <a:p>
          <a:pPr algn="l" rtl="0">
            <a:defRPr sz="1000"/>
          </a:pPr>
          <a:endParaRPr lang="ja-JP" altLang="en-US" sz="1200" b="0" i="0" u="none" strike="noStrike" baseline="0">
            <a:solidFill>
              <a:srgbClr val="000000"/>
            </a:solidFill>
            <a:latin typeface="HGP創英角ｺﾞｼｯｸUB"/>
            <a:ea typeface="HGP創英角ｺﾞｼｯｸUB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6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7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92D050"/>
  </sheetPr>
  <dimension ref="A1:L12"/>
  <sheetViews>
    <sheetView tabSelected="1" zoomScaleNormal="100" zoomScaleSheetLayoutView="70" workbookViewId="0">
      <selection activeCell="O10" sqref="O10"/>
    </sheetView>
  </sheetViews>
  <sheetFormatPr defaultColWidth="12.625" defaultRowHeight="24" customHeight="1"/>
  <cols>
    <col min="1" max="12" width="14" style="1" customWidth="1"/>
    <col min="13" max="13" width="14.5" style="1" customWidth="1"/>
    <col min="14" max="14" width="16.375" style="1" customWidth="1"/>
    <col min="15" max="258" width="12.625" style="1"/>
    <col min="259" max="259" width="4" style="1" customWidth="1"/>
    <col min="260" max="260" width="24.125" style="1" customWidth="1"/>
    <col min="261" max="267" width="13.5" style="1" customWidth="1"/>
    <col min="268" max="268" width="13.625" style="1" customWidth="1"/>
    <col min="269" max="269" width="14.5" style="1" customWidth="1"/>
    <col min="270" max="270" width="16.375" style="1" customWidth="1"/>
    <col min="271" max="514" width="12.625" style="1"/>
    <col min="515" max="515" width="4" style="1" customWidth="1"/>
    <col min="516" max="516" width="24.125" style="1" customWidth="1"/>
    <col min="517" max="523" width="13.5" style="1" customWidth="1"/>
    <col min="524" max="524" width="13.625" style="1" customWidth="1"/>
    <col min="525" max="525" width="14.5" style="1" customWidth="1"/>
    <col min="526" max="526" width="16.375" style="1" customWidth="1"/>
    <col min="527" max="770" width="12.625" style="1"/>
    <col min="771" max="771" width="4" style="1" customWidth="1"/>
    <col min="772" max="772" width="24.125" style="1" customWidth="1"/>
    <col min="773" max="779" width="13.5" style="1" customWidth="1"/>
    <col min="780" max="780" width="13.625" style="1" customWidth="1"/>
    <col min="781" max="781" width="14.5" style="1" customWidth="1"/>
    <col min="782" max="782" width="16.375" style="1" customWidth="1"/>
    <col min="783" max="1026" width="12.625" style="1"/>
    <col min="1027" max="1027" width="4" style="1" customWidth="1"/>
    <col min="1028" max="1028" width="24.125" style="1" customWidth="1"/>
    <col min="1029" max="1035" width="13.5" style="1" customWidth="1"/>
    <col min="1036" max="1036" width="13.625" style="1" customWidth="1"/>
    <col min="1037" max="1037" width="14.5" style="1" customWidth="1"/>
    <col min="1038" max="1038" width="16.375" style="1" customWidth="1"/>
    <col min="1039" max="1282" width="12.625" style="1"/>
    <col min="1283" max="1283" width="4" style="1" customWidth="1"/>
    <col min="1284" max="1284" width="24.125" style="1" customWidth="1"/>
    <col min="1285" max="1291" width="13.5" style="1" customWidth="1"/>
    <col min="1292" max="1292" width="13.625" style="1" customWidth="1"/>
    <col min="1293" max="1293" width="14.5" style="1" customWidth="1"/>
    <col min="1294" max="1294" width="16.375" style="1" customWidth="1"/>
    <col min="1295" max="1538" width="12.625" style="1"/>
    <col min="1539" max="1539" width="4" style="1" customWidth="1"/>
    <col min="1540" max="1540" width="24.125" style="1" customWidth="1"/>
    <col min="1541" max="1547" width="13.5" style="1" customWidth="1"/>
    <col min="1548" max="1548" width="13.625" style="1" customWidth="1"/>
    <col min="1549" max="1549" width="14.5" style="1" customWidth="1"/>
    <col min="1550" max="1550" width="16.375" style="1" customWidth="1"/>
    <col min="1551" max="1794" width="12.625" style="1"/>
    <col min="1795" max="1795" width="4" style="1" customWidth="1"/>
    <col min="1796" max="1796" width="24.125" style="1" customWidth="1"/>
    <col min="1797" max="1803" width="13.5" style="1" customWidth="1"/>
    <col min="1804" max="1804" width="13.625" style="1" customWidth="1"/>
    <col min="1805" max="1805" width="14.5" style="1" customWidth="1"/>
    <col min="1806" max="1806" width="16.375" style="1" customWidth="1"/>
    <col min="1807" max="2050" width="12.625" style="1"/>
    <col min="2051" max="2051" width="4" style="1" customWidth="1"/>
    <col min="2052" max="2052" width="24.125" style="1" customWidth="1"/>
    <col min="2053" max="2059" width="13.5" style="1" customWidth="1"/>
    <col min="2060" max="2060" width="13.625" style="1" customWidth="1"/>
    <col min="2061" max="2061" width="14.5" style="1" customWidth="1"/>
    <col min="2062" max="2062" width="16.375" style="1" customWidth="1"/>
    <col min="2063" max="2306" width="12.625" style="1"/>
    <col min="2307" max="2307" width="4" style="1" customWidth="1"/>
    <col min="2308" max="2308" width="24.125" style="1" customWidth="1"/>
    <col min="2309" max="2315" width="13.5" style="1" customWidth="1"/>
    <col min="2316" max="2316" width="13.625" style="1" customWidth="1"/>
    <col min="2317" max="2317" width="14.5" style="1" customWidth="1"/>
    <col min="2318" max="2318" width="16.375" style="1" customWidth="1"/>
    <col min="2319" max="2562" width="12.625" style="1"/>
    <col min="2563" max="2563" width="4" style="1" customWidth="1"/>
    <col min="2564" max="2564" width="24.125" style="1" customWidth="1"/>
    <col min="2565" max="2571" width="13.5" style="1" customWidth="1"/>
    <col min="2572" max="2572" width="13.625" style="1" customWidth="1"/>
    <col min="2573" max="2573" width="14.5" style="1" customWidth="1"/>
    <col min="2574" max="2574" width="16.375" style="1" customWidth="1"/>
    <col min="2575" max="2818" width="12.625" style="1"/>
    <col min="2819" max="2819" width="4" style="1" customWidth="1"/>
    <col min="2820" max="2820" width="24.125" style="1" customWidth="1"/>
    <col min="2821" max="2827" width="13.5" style="1" customWidth="1"/>
    <col min="2828" max="2828" width="13.625" style="1" customWidth="1"/>
    <col min="2829" max="2829" width="14.5" style="1" customWidth="1"/>
    <col min="2830" max="2830" width="16.375" style="1" customWidth="1"/>
    <col min="2831" max="3074" width="12.625" style="1"/>
    <col min="3075" max="3075" width="4" style="1" customWidth="1"/>
    <col min="3076" max="3076" width="24.125" style="1" customWidth="1"/>
    <col min="3077" max="3083" width="13.5" style="1" customWidth="1"/>
    <col min="3084" max="3084" width="13.625" style="1" customWidth="1"/>
    <col min="3085" max="3085" width="14.5" style="1" customWidth="1"/>
    <col min="3086" max="3086" width="16.375" style="1" customWidth="1"/>
    <col min="3087" max="3330" width="12.625" style="1"/>
    <col min="3331" max="3331" width="4" style="1" customWidth="1"/>
    <col min="3332" max="3332" width="24.125" style="1" customWidth="1"/>
    <col min="3333" max="3339" width="13.5" style="1" customWidth="1"/>
    <col min="3340" max="3340" width="13.625" style="1" customWidth="1"/>
    <col min="3341" max="3341" width="14.5" style="1" customWidth="1"/>
    <col min="3342" max="3342" width="16.375" style="1" customWidth="1"/>
    <col min="3343" max="3586" width="12.625" style="1"/>
    <col min="3587" max="3587" width="4" style="1" customWidth="1"/>
    <col min="3588" max="3588" width="24.125" style="1" customWidth="1"/>
    <col min="3589" max="3595" width="13.5" style="1" customWidth="1"/>
    <col min="3596" max="3596" width="13.625" style="1" customWidth="1"/>
    <col min="3597" max="3597" width="14.5" style="1" customWidth="1"/>
    <col min="3598" max="3598" width="16.375" style="1" customWidth="1"/>
    <col min="3599" max="3842" width="12.625" style="1"/>
    <col min="3843" max="3843" width="4" style="1" customWidth="1"/>
    <col min="3844" max="3844" width="24.125" style="1" customWidth="1"/>
    <col min="3845" max="3851" width="13.5" style="1" customWidth="1"/>
    <col min="3852" max="3852" width="13.625" style="1" customWidth="1"/>
    <col min="3853" max="3853" width="14.5" style="1" customWidth="1"/>
    <col min="3854" max="3854" width="16.375" style="1" customWidth="1"/>
    <col min="3855" max="4098" width="12.625" style="1"/>
    <col min="4099" max="4099" width="4" style="1" customWidth="1"/>
    <col min="4100" max="4100" width="24.125" style="1" customWidth="1"/>
    <col min="4101" max="4107" width="13.5" style="1" customWidth="1"/>
    <col min="4108" max="4108" width="13.625" style="1" customWidth="1"/>
    <col min="4109" max="4109" width="14.5" style="1" customWidth="1"/>
    <col min="4110" max="4110" width="16.375" style="1" customWidth="1"/>
    <col min="4111" max="4354" width="12.625" style="1"/>
    <col min="4355" max="4355" width="4" style="1" customWidth="1"/>
    <col min="4356" max="4356" width="24.125" style="1" customWidth="1"/>
    <col min="4357" max="4363" width="13.5" style="1" customWidth="1"/>
    <col min="4364" max="4364" width="13.625" style="1" customWidth="1"/>
    <col min="4365" max="4365" width="14.5" style="1" customWidth="1"/>
    <col min="4366" max="4366" width="16.375" style="1" customWidth="1"/>
    <col min="4367" max="4610" width="12.625" style="1"/>
    <col min="4611" max="4611" width="4" style="1" customWidth="1"/>
    <col min="4612" max="4612" width="24.125" style="1" customWidth="1"/>
    <col min="4613" max="4619" width="13.5" style="1" customWidth="1"/>
    <col min="4620" max="4620" width="13.625" style="1" customWidth="1"/>
    <col min="4621" max="4621" width="14.5" style="1" customWidth="1"/>
    <col min="4622" max="4622" width="16.375" style="1" customWidth="1"/>
    <col min="4623" max="4866" width="12.625" style="1"/>
    <col min="4867" max="4867" width="4" style="1" customWidth="1"/>
    <col min="4868" max="4868" width="24.125" style="1" customWidth="1"/>
    <col min="4869" max="4875" width="13.5" style="1" customWidth="1"/>
    <col min="4876" max="4876" width="13.625" style="1" customWidth="1"/>
    <col min="4877" max="4877" width="14.5" style="1" customWidth="1"/>
    <col min="4878" max="4878" width="16.375" style="1" customWidth="1"/>
    <col min="4879" max="5122" width="12.625" style="1"/>
    <col min="5123" max="5123" width="4" style="1" customWidth="1"/>
    <col min="5124" max="5124" width="24.125" style="1" customWidth="1"/>
    <col min="5125" max="5131" width="13.5" style="1" customWidth="1"/>
    <col min="5132" max="5132" width="13.625" style="1" customWidth="1"/>
    <col min="5133" max="5133" width="14.5" style="1" customWidth="1"/>
    <col min="5134" max="5134" width="16.375" style="1" customWidth="1"/>
    <col min="5135" max="5378" width="12.625" style="1"/>
    <col min="5379" max="5379" width="4" style="1" customWidth="1"/>
    <col min="5380" max="5380" width="24.125" style="1" customWidth="1"/>
    <col min="5381" max="5387" width="13.5" style="1" customWidth="1"/>
    <col min="5388" max="5388" width="13.625" style="1" customWidth="1"/>
    <col min="5389" max="5389" width="14.5" style="1" customWidth="1"/>
    <col min="5390" max="5390" width="16.375" style="1" customWidth="1"/>
    <col min="5391" max="5634" width="12.625" style="1"/>
    <col min="5635" max="5635" width="4" style="1" customWidth="1"/>
    <col min="5636" max="5636" width="24.125" style="1" customWidth="1"/>
    <col min="5637" max="5643" width="13.5" style="1" customWidth="1"/>
    <col min="5644" max="5644" width="13.625" style="1" customWidth="1"/>
    <col min="5645" max="5645" width="14.5" style="1" customWidth="1"/>
    <col min="5646" max="5646" width="16.375" style="1" customWidth="1"/>
    <col min="5647" max="5890" width="12.625" style="1"/>
    <col min="5891" max="5891" width="4" style="1" customWidth="1"/>
    <col min="5892" max="5892" width="24.125" style="1" customWidth="1"/>
    <col min="5893" max="5899" width="13.5" style="1" customWidth="1"/>
    <col min="5900" max="5900" width="13.625" style="1" customWidth="1"/>
    <col min="5901" max="5901" width="14.5" style="1" customWidth="1"/>
    <col min="5902" max="5902" width="16.375" style="1" customWidth="1"/>
    <col min="5903" max="6146" width="12.625" style="1"/>
    <col min="6147" max="6147" width="4" style="1" customWidth="1"/>
    <col min="6148" max="6148" width="24.125" style="1" customWidth="1"/>
    <col min="6149" max="6155" width="13.5" style="1" customWidth="1"/>
    <col min="6156" max="6156" width="13.625" style="1" customWidth="1"/>
    <col min="6157" max="6157" width="14.5" style="1" customWidth="1"/>
    <col min="6158" max="6158" width="16.375" style="1" customWidth="1"/>
    <col min="6159" max="6402" width="12.625" style="1"/>
    <col min="6403" max="6403" width="4" style="1" customWidth="1"/>
    <col min="6404" max="6404" width="24.125" style="1" customWidth="1"/>
    <col min="6405" max="6411" width="13.5" style="1" customWidth="1"/>
    <col min="6412" max="6412" width="13.625" style="1" customWidth="1"/>
    <col min="6413" max="6413" width="14.5" style="1" customWidth="1"/>
    <col min="6414" max="6414" width="16.375" style="1" customWidth="1"/>
    <col min="6415" max="6658" width="12.625" style="1"/>
    <col min="6659" max="6659" width="4" style="1" customWidth="1"/>
    <col min="6660" max="6660" width="24.125" style="1" customWidth="1"/>
    <col min="6661" max="6667" width="13.5" style="1" customWidth="1"/>
    <col min="6668" max="6668" width="13.625" style="1" customWidth="1"/>
    <col min="6669" max="6669" width="14.5" style="1" customWidth="1"/>
    <col min="6670" max="6670" width="16.375" style="1" customWidth="1"/>
    <col min="6671" max="6914" width="12.625" style="1"/>
    <col min="6915" max="6915" width="4" style="1" customWidth="1"/>
    <col min="6916" max="6916" width="24.125" style="1" customWidth="1"/>
    <col min="6917" max="6923" width="13.5" style="1" customWidth="1"/>
    <col min="6924" max="6924" width="13.625" style="1" customWidth="1"/>
    <col min="6925" max="6925" width="14.5" style="1" customWidth="1"/>
    <col min="6926" max="6926" width="16.375" style="1" customWidth="1"/>
    <col min="6927" max="7170" width="12.625" style="1"/>
    <col min="7171" max="7171" width="4" style="1" customWidth="1"/>
    <col min="7172" max="7172" width="24.125" style="1" customWidth="1"/>
    <col min="7173" max="7179" width="13.5" style="1" customWidth="1"/>
    <col min="7180" max="7180" width="13.625" style="1" customWidth="1"/>
    <col min="7181" max="7181" width="14.5" style="1" customWidth="1"/>
    <col min="7182" max="7182" width="16.375" style="1" customWidth="1"/>
    <col min="7183" max="7426" width="12.625" style="1"/>
    <col min="7427" max="7427" width="4" style="1" customWidth="1"/>
    <col min="7428" max="7428" width="24.125" style="1" customWidth="1"/>
    <col min="7429" max="7435" width="13.5" style="1" customWidth="1"/>
    <col min="7436" max="7436" width="13.625" style="1" customWidth="1"/>
    <col min="7437" max="7437" width="14.5" style="1" customWidth="1"/>
    <col min="7438" max="7438" width="16.375" style="1" customWidth="1"/>
    <col min="7439" max="7682" width="12.625" style="1"/>
    <col min="7683" max="7683" width="4" style="1" customWidth="1"/>
    <col min="7684" max="7684" width="24.125" style="1" customWidth="1"/>
    <col min="7685" max="7691" width="13.5" style="1" customWidth="1"/>
    <col min="7692" max="7692" width="13.625" style="1" customWidth="1"/>
    <col min="7693" max="7693" width="14.5" style="1" customWidth="1"/>
    <col min="7694" max="7694" width="16.375" style="1" customWidth="1"/>
    <col min="7695" max="7938" width="12.625" style="1"/>
    <col min="7939" max="7939" width="4" style="1" customWidth="1"/>
    <col min="7940" max="7940" width="24.125" style="1" customWidth="1"/>
    <col min="7941" max="7947" width="13.5" style="1" customWidth="1"/>
    <col min="7948" max="7948" width="13.625" style="1" customWidth="1"/>
    <col min="7949" max="7949" width="14.5" style="1" customWidth="1"/>
    <col min="7950" max="7950" width="16.375" style="1" customWidth="1"/>
    <col min="7951" max="8194" width="12.625" style="1"/>
    <col min="8195" max="8195" width="4" style="1" customWidth="1"/>
    <col min="8196" max="8196" width="24.125" style="1" customWidth="1"/>
    <col min="8197" max="8203" width="13.5" style="1" customWidth="1"/>
    <col min="8204" max="8204" width="13.625" style="1" customWidth="1"/>
    <col min="8205" max="8205" width="14.5" style="1" customWidth="1"/>
    <col min="8206" max="8206" width="16.375" style="1" customWidth="1"/>
    <col min="8207" max="8450" width="12.625" style="1"/>
    <col min="8451" max="8451" width="4" style="1" customWidth="1"/>
    <col min="8452" max="8452" width="24.125" style="1" customWidth="1"/>
    <col min="8453" max="8459" width="13.5" style="1" customWidth="1"/>
    <col min="8460" max="8460" width="13.625" style="1" customWidth="1"/>
    <col min="8461" max="8461" width="14.5" style="1" customWidth="1"/>
    <col min="8462" max="8462" width="16.375" style="1" customWidth="1"/>
    <col min="8463" max="8706" width="12.625" style="1"/>
    <col min="8707" max="8707" width="4" style="1" customWidth="1"/>
    <col min="8708" max="8708" width="24.125" style="1" customWidth="1"/>
    <col min="8709" max="8715" width="13.5" style="1" customWidth="1"/>
    <col min="8716" max="8716" width="13.625" style="1" customWidth="1"/>
    <col min="8717" max="8717" width="14.5" style="1" customWidth="1"/>
    <col min="8718" max="8718" width="16.375" style="1" customWidth="1"/>
    <col min="8719" max="8962" width="12.625" style="1"/>
    <col min="8963" max="8963" width="4" style="1" customWidth="1"/>
    <col min="8964" max="8964" width="24.125" style="1" customWidth="1"/>
    <col min="8965" max="8971" width="13.5" style="1" customWidth="1"/>
    <col min="8972" max="8972" width="13.625" style="1" customWidth="1"/>
    <col min="8973" max="8973" width="14.5" style="1" customWidth="1"/>
    <col min="8974" max="8974" width="16.375" style="1" customWidth="1"/>
    <col min="8975" max="9218" width="12.625" style="1"/>
    <col min="9219" max="9219" width="4" style="1" customWidth="1"/>
    <col min="9220" max="9220" width="24.125" style="1" customWidth="1"/>
    <col min="9221" max="9227" width="13.5" style="1" customWidth="1"/>
    <col min="9228" max="9228" width="13.625" style="1" customWidth="1"/>
    <col min="9229" max="9229" width="14.5" style="1" customWidth="1"/>
    <col min="9230" max="9230" width="16.375" style="1" customWidth="1"/>
    <col min="9231" max="9474" width="12.625" style="1"/>
    <col min="9475" max="9475" width="4" style="1" customWidth="1"/>
    <col min="9476" max="9476" width="24.125" style="1" customWidth="1"/>
    <col min="9477" max="9483" width="13.5" style="1" customWidth="1"/>
    <col min="9484" max="9484" width="13.625" style="1" customWidth="1"/>
    <col min="9485" max="9485" width="14.5" style="1" customWidth="1"/>
    <col min="9486" max="9486" width="16.375" style="1" customWidth="1"/>
    <col min="9487" max="9730" width="12.625" style="1"/>
    <col min="9731" max="9731" width="4" style="1" customWidth="1"/>
    <col min="9732" max="9732" width="24.125" style="1" customWidth="1"/>
    <col min="9733" max="9739" width="13.5" style="1" customWidth="1"/>
    <col min="9740" max="9740" width="13.625" style="1" customWidth="1"/>
    <col min="9741" max="9741" width="14.5" style="1" customWidth="1"/>
    <col min="9742" max="9742" width="16.375" style="1" customWidth="1"/>
    <col min="9743" max="9986" width="12.625" style="1"/>
    <col min="9987" max="9987" width="4" style="1" customWidth="1"/>
    <col min="9988" max="9988" width="24.125" style="1" customWidth="1"/>
    <col min="9989" max="9995" width="13.5" style="1" customWidth="1"/>
    <col min="9996" max="9996" width="13.625" style="1" customWidth="1"/>
    <col min="9997" max="9997" width="14.5" style="1" customWidth="1"/>
    <col min="9998" max="9998" width="16.375" style="1" customWidth="1"/>
    <col min="9999" max="10242" width="12.625" style="1"/>
    <col min="10243" max="10243" width="4" style="1" customWidth="1"/>
    <col min="10244" max="10244" width="24.125" style="1" customWidth="1"/>
    <col min="10245" max="10251" width="13.5" style="1" customWidth="1"/>
    <col min="10252" max="10252" width="13.625" style="1" customWidth="1"/>
    <col min="10253" max="10253" width="14.5" style="1" customWidth="1"/>
    <col min="10254" max="10254" width="16.375" style="1" customWidth="1"/>
    <col min="10255" max="10498" width="12.625" style="1"/>
    <col min="10499" max="10499" width="4" style="1" customWidth="1"/>
    <col min="10500" max="10500" width="24.125" style="1" customWidth="1"/>
    <col min="10501" max="10507" width="13.5" style="1" customWidth="1"/>
    <col min="10508" max="10508" width="13.625" style="1" customWidth="1"/>
    <col min="10509" max="10509" width="14.5" style="1" customWidth="1"/>
    <col min="10510" max="10510" width="16.375" style="1" customWidth="1"/>
    <col min="10511" max="10754" width="12.625" style="1"/>
    <col min="10755" max="10755" width="4" style="1" customWidth="1"/>
    <col min="10756" max="10756" width="24.125" style="1" customWidth="1"/>
    <col min="10757" max="10763" width="13.5" style="1" customWidth="1"/>
    <col min="10764" max="10764" width="13.625" style="1" customWidth="1"/>
    <col min="10765" max="10765" width="14.5" style="1" customWidth="1"/>
    <col min="10766" max="10766" width="16.375" style="1" customWidth="1"/>
    <col min="10767" max="11010" width="12.625" style="1"/>
    <col min="11011" max="11011" width="4" style="1" customWidth="1"/>
    <col min="11012" max="11012" width="24.125" style="1" customWidth="1"/>
    <col min="11013" max="11019" width="13.5" style="1" customWidth="1"/>
    <col min="11020" max="11020" width="13.625" style="1" customWidth="1"/>
    <col min="11021" max="11021" width="14.5" style="1" customWidth="1"/>
    <col min="11022" max="11022" width="16.375" style="1" customWidth="1"/>
    <col min="11023" max="11266" width="12.625" style="1"/>
    <col min="11267" max="11267" width="4" style="1" customWidth="1"/>
    <col min="11268" max="11268" width="24.125" style="1" customWidth="1"/>
    <col min="11269" max="11275" width="13.5" style="1" customWidth="1"/>
    <col min="11276" max="11276" width="13.625" style="1" customWidth="1"/>
    <col min="11277" max="11277" width="14.5" style="1" customWidth="1"/>
    <col min="11278" max="11278" width="16.375" style="1" customWidth="1"/>
    <col min="11279" max="11522" width="12.625" style="1"/>
    <col min="11523" max="11523" width="4" style="1" customWidth="1"/>
    <col min="11524" max="11524" width="24.125" style="1" customWidth="1"/>
    <col min="11525" max="11531" width="13.5" style="1" customWidth="1"/>
    <col min="11532" max="11532" width="13.625" style="1" customWidth="1"/>
    <col min="11533" max="11533" width="14.5" style="1" customWidth="1"/>
    <col min="11534" max="11534" width="16.375" style="1" customWidth="1"/>
    <col min="11535" max="11778" width="12.625" style="1"/>
    <col min="11779" max="11779" width="4" style="1" customWidth="1"/>
    <col min="11780" max="11780" width="24.125" style="1" customWidth="1"/>
    <col min="11781" max="11787" width="13.5" style="1" customWidth="1"/>
    <col min="11788" max="11788" width="13.625" style="1" customWidth="1"/>
    <col min="11789" max="11789" width="14.5" style="1" customWidth="1"/>
    <col min="11790" max="11790" width="16.375" style="1" customWidth="1"/>
    <col min="11791" max="12034" width="12.625" style="1"/>
    <col min="12035" max="12035" width="4" style="1" customWidth="1"/>
    <col min="12036" max="12036" width="24.125" style="1" customWidth="1"/>
    <col min="12037" max="12043" width="13.5" style="1" customWidth="1"/>
    <col min="12044" max="12044" width="13.625" style="1" customWidth="1"/>
    <col min="12045" max="12045" width="14.5" style="1" customWidth="1"/>
    <col min="12046" max="12046" width="16.375" style="1" customWidth="1"/>
    <col min="12047" max="12290" width="12.625" style="1"/>
    <col min="12291" max="12291" width="4" style="1" customWidth="1"/>
    <col min="12292" max="12292" width="24.125" style="1" customWidth="1"/>
    <col min="12293" max="12299" width="13.5" style="1" customWidth="1"/>
    <col min="12300" max="12300" width="13.625" style="1" customWidth="1"/>
    <col min="12301" max="12301" width="14.5" style="1" customWidth="1"/>
    <col min="12302" max="12302" width="16.375" style="1" customWidth="1"/>
    <col min="12303" max="12546" width="12.625" style="1"/>
    <col min="12547" max="12547" width="4" style="1" customWidth="1"/>
    <col min="12548" max="12548" width="24.125" style="1" customWidth="1"/>
    <col min="12549" max="12555" width="13.5" style="1" customWidth="1"/>
    <col min="12556" max="12556" width="13.625" style="1" customWidth="1"/>
    <col min="12557" max="12557" width="14.5" style="1" customWidth="1"/>
    <col min="12558" max="12558" width="16.375" style="1" customWidth="1"/>
    <col min="12559" max="12802" width="12.625" style="1"/>
    <col min="12803" max="12803" width="4" style="1" customWidth="1"/>
    <col min="12804" max="12804" width="24.125" style="1" customWidth="1"/>
    <col min="12805" max="12811" width="13.5" style="1" customWidth="1"/>
    <col min="12812" max="12812" width="13.625" style="1" customWidth="1"/>
    <col min="12813" max="12813" width="14.5" style="1" customWidth="1"/>
    <col min="12814" max="12814" width="16.375" style="1" customWidth="1"/>
    <col min="12815" max="13058" width="12.625" style="1"/>
    <col min="13059" max="13059" width="4" style="1" customWidth="1"/>
    <col min="13060" max="13060" width="24.125" style="1" customWidth="1"/>
    <col min="13061" max="13067" width="13.5" style="1" customWidth="1"/>
    <col min="13068" max="13068" width="13.625" style="1" customWidth="1"/>
    <col min="13069" max="13069" width="14.5" style="1" customWidth="1"/>
    <col min="13070" max="13070" width="16.375" style="1" customWidth="1"/>
    <col min="13071" max="13314" width="12.625" style="1"/>
    <col min="13315" max="13315" width="4" style="1" customWidth="1"/>
    <col min="13316" max="13316" width="24.125" style="1" customWidth="1"/>
    <col min="13317" max="13323" width="13.5" style="1" customWidth="1"/>
    <col min="13324" max="13324" width="13.625" style="1" customWidth="1"/>
    <col min="13325" max="13325" width="14.5" style="1" customWidth="1"/>
    <col min="13326" max="13326" width="16.375" style="1" customWidth="1"/>
    <col min="13327" max="13570" width="12.625" style="1"/>
    <col min="13571" max="13571" width="4" style="1" customWidth="1"/>
    <col min="13572" max="13572" width="24.125" style="1" customWidth="1"/>
    <col min="13573" max="13579" width="13.5" style="1" customWidth="1"/>
    <col min="13580" max="13580" width="13.625" style="1" customWidth="1"/>
    <col min="13581" max="13581" width="14.5" style="1" customWidth="1"/>
    <col min="13582" max="13582" width="16.375" style="1" customWidth="1"/>
    <col min="13583" max="13826" width="12.625" style="1"/>
    <col min="13827" max="13827" width="4" style="1" customWidth="1"/>
    <col min="13828" max="13828" width="24.125" style="1" customWidth="1"/>
    <col min="13829" max="13835" width="13.5" style="1" customWidth="1"/>
    <col min="13836" max="13836" width="13.625" style="1" customWidth="1"/>
    <col min="13837" max="13837" width="14.5" style="1" customWidth="1"/>
    <col min="13838" max="13838" width="16.375" style="1" customWidth="1"/>
    <col min="13839" max="14082" width="12.625" style="1"/>
    <col min="14083" max="14083" width="4" style="1" customWidth="1"/>
    <col min="14084" max="14084" width="24.125" style="1" customWidth="1"/>
    <col min="14085" max="14091" width="13.5" style="1" customWidth="1"/>
    <col min="14092" max="14092" width="13.625" style="1" customWidth="1"/>
    <col min="14093" max="14093" width="14.5" style="1" customWidth="1"/>
    <col min="14094" max="14094" width="16.375" style="1" customWidth="1"/>
    <col min="14095" max="14338" width="12.625" style="1"/>
    <col min="14339" max="14339" width="4" style="1" customWidth="1"/>
    <col min="14340" max="14340" width="24.125" style="1" customWidth="1"/>
    <col min="14341" max="14347" width="13.5" style="1" customWidth="1"/>
    <col min="14348" max="14348" width="13.625" style="1" customWidth="1"/>
    <col min="14349" max="14349" width="14.5" style="1" customWidth="1"/>
    <col min="14350" max="14350" width="16.375" style="1" customWidth="1"/>
    <col min="14351" max="14594" width="12.625" style="1"/>
    <col min="14595" max="14595" width="4" style="1" customWidth="1"/>
    <col min="14596" max="14596" width="24.125" style="1" customWidth="1"/>
    <col min="14597" max="14603" width="13.5" style="1" customWidth="1"/>
    <col min="14604" max="14604" width="13.625" style="1" customWidth="1"/>
    <col min="14605" max="14605" width="14.5" style="1" customWidth="1"/>
    <col min="14606" max="14606" width="16.375" style="1" customWidth="1"/>
    <col min="14607" max="14850" width="12.625" style="1"/>
    <col min="14851" max="14851" width="4" style="1" customWidth="1"/>
    <col min="14852" max="14852" width="24.125" style="1" customWidth="1"/>
    <col min="14853" max="14859" width="13.5" style="1" customWidth="1"/>
    <col min="14860" max="14860" width="13.625" style="1" customWidth="1"/>
    <col min="14861" max="14861" width="14.5" style="1" customWidth="1"/>
    <col min="14862" max="14862" width="16.375" style="1" customWidth="1"/>
    <col min="14863" max="15106" width="12.625" style="1"/>
    <col min="15107" max="15107" width="4" style="1" customWidth="1"/>
    <col min="15108" max="15108" width="24.125" style="1" customWidth="1"/>
    <col min="15109" max="15115" width="13.5" style="1" customWidth="1"/>
    <col min="15116" max="15116" width="13.625" style="1" customWidth="1"/>
    <col min="15117" max="15117" width="14.5" style="1" customWidth="1"/>
    <col min="15118" max="15118" width="16.375" style="1" customWidth="1"/>
    <col min="15119" max="15362" width="12.625" style="1"/>
    <col min="15363" max="15363" width="4" style="1" customWidth="1"/>
    <col min="15364" max="15364" width="24.125" style="1" customWidth="1"/>
    <col min="15365" max="15371" width="13.5" style="1" customWidth="1"/>
    <col min="15372" max="15372" width="13.625" style="1" customWidth="1"/>
    <col min="15373" max="15373" width="14.5" style="1" customWidth="1"/>
    <col min="15374" max="15374" width="16.375" style="1" customWidth="1"/>
    <col min="15375" max="15618" width="12.625" style="1"/>
    <col min="15619" max="15619" width="4" style="1" customWidth="1"/>
    <col min="15620" max="15620" width="24.125" style="1" customWidth="1"/>
    <col min="15621" max="15627" width="13.5" style="1" customWidth="1"/>
    <col min="15628" max="15628" width="13.625" style="1" customWidth="1"/>
    <col min="15629" max="15629" width="14.5" style="1" customWidth="1"/>
    <col min="15630" max="15630" width="16.375" style="1" customWidth="1"/>
    <col min="15631" max="15874" width="12.625" style="1"/>
    <col min="15875" max="15875" width="4" style="1" customWidth="1"/>
    <col min="15876" max="15876" width="24.125" style="1" customWidth="1"/>
    <col min="15877" max="15883" width="13.5" style="1" customWidth="1"/>
    <col min="15884" max="15884" width="13.625" style="1" customWidth="1"/>
    <col min="15885" max="15885" width="14.5" style="1" customWidth="1"/>
    <col min="15886" max="15886" width="16.375" style="1" customWidth="1"/>
    <col min="15887" max="16130" width="12.625" style="1"/>
    <col min="16131" max="16131" width="4" style="1" customWidth="1"/>
    <col min="16132" max="16132" width="24.125" style="1" customWidth="1"/>
    <col min="16133" max="16139" width="13.5" style="1" customWidth="1"/>
    <col min="16140" max="16140" width="13.625" style="1" customWidth="1"/>
    <col min="16141" max="16141" width="14.5" style="1" customWidth="1"/>
    <col min="16142" max="16142" width="16.375" style="1" customWidth="1"/>
    <col min="16143" max="16384" width="12.625" style="1"/>
  </cols>
  <sheetData>
    <row r="1" spans="1:12" ht="24" customHeight="1">
      <c r="A1" s="59" t="s">
        <v>89</v>
      </c>
      <c r="B1" s="9"/>
      <c r="C1" s="9"/>
    </row>
    <row r="2" spans="1:12" s="2" customFormat="1" ht="30" customHeight="1">
      <c r="A2" s="82" t="s">
        <v>103</v>
      </c>
      <c r="B2" s="82"/>
      <c r="C2" s="82"/>
      <c r="D2" s="82"/>
      <c r="E2" s="82"/>
      <c r="F2" s="82"/>
      <c r="G2" s="82"/>
      <c r="H2" s="82"/>
      <c r="I2" s="82"/>
      <c r="J2" s="82"/>
      <c r="K2" s="82"/>
      <c r="L2" s="82"/>
    </row>
    <row r="3" spans="1:12" ht="24" customHeight="1">
      <c r="I3" s="3" t="s">
        <v>20</v>
      </c>
      <c r="J3" s="4"/>
      <c r="K3" s="3"/>
      <c r="L3" s="4"/>
    </row>
    <row r="4" spans="1:12" ht="7.5" customHeight="1" thickBot="1"/>
    <row r="5" spans="1:12" ht="24" customHeight="1">
      <c r="A5" s="86" t="s">
        <v>62</v>
      </c>
      <c r="B5" s="86" t="s">
        <v>63</v>
      </c>
      <c r="C5" s="86" t="s">
        <v>64</v>
      </c>
      <c r="D5" s="91" t="s">
        <v>0</v>
      </c>
      <c r="E5" s="86" t="s">
        <v>1</v>
      </c>
      <c r="F5" s="83" t="s">
        <v>65</v>
      </c>
      <c r="G5" s="86" t="s">
        <v>99</v>
      </c>
      <c r="H5" s="86" t="s">
        <v>61</v>
      </c>
      <c r="I5" s="83" t="s">
        <v>67</v>
      </c>
      <c r="J5" s="83" t="s">
        <v>8</v>
      </c>
      <c r="K5" s="92" t="s">
        <v>60</v>
      </c>
      <c r="L5" s="95" t="s">
        <v>107</v>
      </c>
    </row>
    <row r="6" spans="1:12" ht="24" customHeight="1">
      <c r="A6" s="87"/>
      <c r="B6" s="87"/>
      <c r="C6" s="87"/>
      <c r="D6" s="89"/>
      <c r="E6" s="87"/>
      <c r="F6" s="84"/>
      <c r="G6" s="89"/>
      <c r="H6" s="87"/>
      <c r="I6" s="90"/>
      <c r="J6" s="84"/>
      <c r="K6" s="93"/>
      <c r="L6" s="96"/>
    </row>
    <row r="7" spans="1:12" ht="24" customHeight="1">
      <c r="A7" s="87"/>
      <c r="B7" s="87"/>
      <c r="C7" s="87"/>
      <c r="D7" s="89"/>
      <c r="E7" s="87"/>
      <c r="F7" s="84"/>
      <c r="G7" s="89"/>
      <c r="H7" s="87"/>
      <c r="I7" s="90"/>
      <c r="J7" s="84"/>
      <c r="K7" s="93"/>
      <c r="L7" s="96"/>
    </row>
    <row r="8" spans="1:12" ht="24" customHeight="1">
      <c r="A8" s="87"/>
      <c r="B8" s="87"/>
      <c r="C8" s="87"/>
      <c r="D8" s="89"/>
      <c r="E8" s="87"/>
      <c r="F8" s="85"/>
      <c r="G8" s="89"/>
      <c r="H8" s="88"/>
      <c r="I8" s="90"/>
      <c r="J8" s="84"/>
      <c r="K8" s="94"/>
      <c r="L8" s="96"/>
    </row>
    <row r="9" spans="1:12" ht="24" customHeight="1">
      <c r="A9" s="63"/>
      <c r="B9" s="6"/>
      <c r="C9" s="6"/>
      <c r="D9" s="6" t="s">
        <v>2</v>
      </c>
      <c r="E9" s="6" t="s">
        <v>3</v>
      </c>
      <c r="F9" s="23" t="s">
        <v>21</v>
      </c>
      <c r="G9" s="6" t="s">
        <v>4</v>
      </c>
      <c r="H9" s="6" t="s">
        <v>5</v>
      </c>
      <c r="I9" s="23" t="s">
        <v>66</v>
      </c>
      <c r="J9" s="25" t="s">
        <v>6</v>
      </c>
      <c r="K9" s="7" t="s">
        <v>7</v>
      </c>
      <c r="L9" s="26" t="s">
        <v>74</v>
      </c>
    </row>
    <row r="10" spans="1:12" ht="121.5" customHeight="1" thickBot="1">
      <c r="A10" s="64"/>
      <c r="B10" s="62"/>
      <c r="C10" s="58"/>
      <c r="D10" s="8"/>
      <c r="E10" s="8">
        <v>0</v>
      </c>
      <c r="F10" s="24">
        <f>D10-E10</f>
        <v>0</v>
      </c>
      <c r="G10" s="5"/>
      <c r="H10" s="5"/>
      <c r="I10" s="24">
        <f>MIN(H10,G10)</f>
        <v>0</v>
      </c>
      <c r="J10" s="24">
        <f>MIN(I10,F10)</f>
        <v>0</v>
      </c>
      <c r="K10" s="56" t="s">
        <v>68</v>
      </c>
      <c r="L10" s="27">
        <f>ROUNDDOWN(J10*0.5,-3)</f>
        <v>0</v>
      </c>
    </row>
    <row r="11" spans="1:12" ht="26.45" customHeight="1">
      <c r="A11" s="22" t="s">
        <v>102</v>
      </c>
      <c r="B11" s="55"/>
      <c r="C11" s="55"/>
      <c r="D11" s="22"/>
      <c r="E11" s="22"/>
      <c r="F11" s="22"/>
      <c r="G11" s="22"/>
      <c r="H11" s="22"/>
      <c r="I11" s="22"/>
      <c r="J11" s="22"/>
      <c r="K11" s="22"/>
      <c r="L11" s="22"/>
    </row>
    <row r="12" spans="1:12" ht="24" customHeight="1">
      <c r="A12" s="81" t="s">
        <v>101</v>
      </c>
      <c r="B12" s="81"/>
      <c r="C12" s="81"/>
      <c r="D12" s="81"/>
      <c r="E12" s="81"/>
      <c r="F12" s="81"/>
    </row>
  </sheetData>
  <mergeCells count="13">
    <mergeCell ref="A2:L2"/>
    <mergeCell ref="F5:F8"/>
    <mergeCell ref="H5:H8"/>
    <mergeCell ref="G5:G8"/>
    <mergeCell ref="I5:I8"/>
    <mergeCell ref="D5:D8"/>
    <mergeCell ref="E5:E8"/>
    <mergeCell ref="J5:J8"/>
    <mergeCell ref="K5:K8"/>
    <mergeCell ref="L5:L8"/>
    <mergeCell ref="A5:A8"/>
    <mergeCell ref="C5:C8"/>
    <mergeCell ref="B5:B8"/>
  </mergeCells>
  <phoneticPr fontId="2"/>
  <printOptions horizontalCentered="1" verticalCentered="1"/>
  <pageMargins left="0.39370078740157483" right="0.39370078740157483" top="0.78740157480314965" bottom="0.78740157480314965" header="0.39370078740157483" footer="0.39370078740157483"/>
  <pageSetup paperSize="9" scale="64" orientation="landscape" r:id="rId1"/>
  <headerFooter alignWithMargins="0">
    <oddHeader>&amp;L様式１関係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5"/>
  <sheetViews>
    <sheetView workbookViewId="0">
      <selection sqref="A1:A5"/>
    </sheetView>
  </sheetViews>
  <sheetFormatPr defaultRowHeight="14.25"/>
  <sheetData>
    <row r="1" spans="1:1">
      <c r="A1" s="57" t="s">
        <v>69</v>
      </c>
    </row>
    <row r="2" spans="1:1">
      <c r="A2" s="57" t="s">
        <v>70</v>
      </c>
    </row>
    <row r="3" spans="1:1">
      <c r="A3" s="57" t="s">
        <v>71</v>
      </c>
    </row>
    <row r="4" spans="1:1">
      <c r="A4" s="57" t="s">
        <v>72</v>
      </c>
    </row>
    <row r="5" spans="1:1">
      <c r="A5" s="57" t="s">
        <v>73</v>
      </c>
    </row>
  </sheetData>
  <phoneticPr fontId="2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L30"/>
  <sheetViews>
    <sheetView view="pageBreakPreview" zoomScale="70" zoomScaleNormal="100" zoomScaleSheetLayoutView="70" workbookViewId="0">
      <selection activeCell="L9" sqref="L9"/>
    </sheetView>
  </sheetViews>
  <sheetFormatPr defaultColWidth="12.625" defaultRowHeight="24" customHeight="1"/>
  <cols>
    <col min="1" max="12" width="14" style="1" customWidth="1"/>
    <col min="13" max="13" width="14.5" style="1" customWidth="1"/>
    <col min="14" max="14" width="16.375" style="1" customWidth="1"/>
    <col min="15" max="258" width="12.625" style="1"/>
    <col min="259" max="259" width="4" style="1" customWidth="1"/>
    <col min="260" max="260" width="24.125" style="1" customWidth="1"/>
    <col min="261" max="267" width="13.5" style="1" customWidth="1"/>
    <col min="268" max="268" width="13.625" style="1" customWidth="1"/>
    <col min="269" max="269" width="14.5" style="1" customWidth="1"/>
    <col min="270" max="270" width="16.375" style="1" customWidth="1"/>
    <col min="271" max="514" width="12.625" style="1"/>
    <col min="515" max="515" width="4" style="1" customWidth="1"/>
    <col min="516" max="516" width="24.125" style="1" customWidth="1"/>
    <col min="517" max="523" width="13.5" style="1" customWidth="1"/>
    <col min="524" max="524" width="13.625" style="1" customWidth="1"/>
    <col min="525" max="525" width="14.5" style="1" customWidth="1"/>
    <col min="526" max="526" width="16.375" style="1" customWidth="1"/>
    <col min="527" max="770" width="12.625" style="1"/>
    <col min="771" max="771" width="4" style="1" customWidth="1"/>
    <col min="772" max="772" width="24.125" style="1" customWidth="1"/>
    <col min="773" max="779" width="13.5" style="1" customWidth="1"/>
    <col min="780" max="780" width="13.625" style="1" customWidth="1"/>
    <col min="781" max="781" width="14.5" style="1" customWidth="1"/>
    <col min="782" max="782" width="16.375" style="1" customWidth="1"/>
    <col min="783" max="1026" width="12.625" style="1"/>
    <col min="1027" max="1027" width="4" style="1" customWidth="1"/>
    <col min="1028" max="1028" width="24.125" style="1" customWidth="1"/>
    <col min="1029" max="1035" width="13.5" style="1" customWidth="1"/>
    <col min="1036" max="1036" width="13.625" style="1" customWidth="1"/>
    <col min="1037" max="1037" width="14.5" style="1" customWidth="1"/>
    <col min="1038" max="1038" width="16.375" style="1" customWidth="1"/>
    <col min="1039" max="1282" width="12.625" style="1"/>
    <col min="1283" max="1283" width="4" style="1" customWidth="1"/>
    <col min="1284" max="1284" width="24.125" style="1" customWidth="1"/>
    <col min="1285" max="1291" width="13.5" style="1" customWidth="1"/>
    <col min="1292" max="1292" width="13.625" style="1" customWidth="1"/>
    <col min="1293" max="1293" width="14.5" style="1" customWidth="1"/>
    <col min="1294" max="1294" width="16.375" style="1" customWidth="1"/>
    <col min="1295" max="1538" width="12.625" style="1"/>
    <col min="1539" max="1539" width="4" style="1" customWidth="1"/>
    <col min="1540" max="1540" width="24.125" style="1" customWidth="1"/>
    <col min="1541" max="1547" width="13.5" style="1" customWidth="1"/>
    <col min="1548" max="1548" width="13.625" style="1" customWidth="1"/>
    <col min="1549" max="1549" width="14.5" style="1" customWidth="1"/>
    <col min="1550" max="1550" width="16.375" style="1" customWidth="1"/>
    <col min="1551" max="1794" width="12.625" style="1"/>
    <col min="1795" max="1795" width="4" style="1" customWidth="1"/>
    <col min="1796" max="1796" width="24.125" style="1" customWidth="1"/>
    <col min="1797" max="1803" width="13.5" style="1" customWidth="1"/>
    <col min="1804" max="1804" width="13.625" style="1" customWidth="1"/>
    <col min="1805" max="1805" width="14.5" style="1" customWidth="1"/>
    <col min="1806" max="1806" width="16.375" style="1" customWidth="1"/>
    <col min="1807" max="2050" width="12.625" style="1"/>
    <col min="2051" max="2051" width="4" style="1" customWidth="1"/>
    <col min="2052" max="2052" width="24.125" style="1" customWidth="1"/>
    <col min="2053" max="2059" width="13.5" style="1" customWidth="1"/>
    <col min="2060" max="2060" width="13.625" style="1" customWidth="1"/>
    <col min="2061" max="2061" width="14.5" style="1" customWidth="1"/>
    <col min="2062" max="2062" width="16.375" style="1" customWidth="1"/>
    <col min="2063" max="2306" width="12.625" style="1"/>
    <col min="2307" max="2307" width="4" style="1" customWidth="1"/>
    <col min="2308" max="2308" width="24.125" style="1" customWidth="1"/>
    <col min="2309" max="2315" width="13.5" style="1" customWidth="1"/>
    <col min="2316" max="2316" width="13.625" style="1" customWidth="1"/>
    <col min="2317" max="2317" width="14.5" style="1" customWidth="1"/>
    <col min="2318" max="2318" width="16.375" style="1" customWidth="1"/>
    <col min="2319" max="2562" width="12.625" style="1"/>
    <col min="2563" max="2563" width="4" style="1" customWidth="1"/>
    <col min="2564" max="2564" width="24.125" style="1" customWidth="1"/>
    <col min="2565" max="2571" width="13.5" style="1" customWidth="1"/>
    <col min="2572" max="2572" width="13.625" style="1" customWidth="1"/>
    <col min="2573" max="2573" width="14.5" style="1" customWidth="1"/>
    <col min="2574" max="2574" width="16.375" style="1" customWidth="1"/>
    <col min="2575" max="2818" width="12.625" style="1"/>
    <col min="2819" max="2819" width="4" style="1" customWidth="1"/>
    <col min="2820" max="2820" width="24.125" style="1" customWidth="1"/>
    <col min="2821" max="2827" width="13.5" style="1" customWidth="1"/>
    <col min="2828" max="2828" width="13.625" style="1" customWidth="1"/>
    <col min="2829" max="2829" width="14.5" style="1" customWidth="1"/>
    <col min="2830" max="2830" width="16.375" style="1" customWidth="1"/>
    <col min="2831" max="3074" width="12.625" style="1"/>
    <col min="3075" max="3075" width="4" style="1" customWidth="1"/>
    <col min="3076" max="3076" width="24.125" style="1" customWidth="1"/>
    <col min="3077" max="3083" width="13.5" style="1" customWidth="1"/>
    <col min="3084" max="3084" width="13.625" style="1" customWidth="1"/>
    <col min="3085" max="3085" width="14.5" style="1" customWidth="1"/>
    <col min="3086" max="3086" width="16.375" style="1" customWidth="1"/>
    <col min="3087" max="3330" width="12.625" style="1"/>
    <col min="3331" max="3331" width="4" style="1" customWidth="1"/>
    <col min="3332" max="3332" width="24.125" style="1" customWidth="1"/>
    <col min="3333" max="3339" width="13.5" style="1" customWidth="1"/>
    <col min="3340" max="3340" width="13.625" style="1" customWidth="1"/>
    <col min="3341" max="3341" width="14.5" style="1" customWidth="1"/>
    <col min="3342" max="3342" width="16.375" style="1" customWidth="1"/>
    <col min="3343" max="3586" width="12.625" style="1"/>
    <col min="3587" max="3587" width="4" style="1" customWidth="1"/>
    <col min="3588" max="3588" width="24.125" style="1" customWidth="1"/>
    <col min="3589" max="3595" width="13.5" style="1" customWidth="1"/>
    <col min="3596" max="3596" width="13.625" style="1" customWidth="1"/>
    <col min="3597" max="3597" width="14.5" style="1" customWidth="1"/>
    <col min="3598" max="3598" width="16.375" style="1" customWidth="1"/>
    <col min="3599" max="3842" width="12.625" style="1"/>
    <col min="3843" max="3843" width="4" style="1" customWidth="1"/>
    <col min="3844" max="3844" width="24.125" style="1" customWidth="1"/>
    <col min="3845" max="3851" width="13.5" style="1" customWidth="1"/>
    <col min="3852" max="3852" width="13.625" style="1" customWidth="1"/>
    <col min="3853" max="3853" width="14.5" style="1" customWidth="1"/>
    <col min="3854" max="3854" width="16.375" style="1" customWidth="1"/>
    <col min="3855" max="4098" width="12.625" style="1"/>
    <col min="4099" max="4099" width="4" style="1" customWidth="1"/>
    <col min="4100" max="4100" width="24.125" style="1" customWidth="1"/>
    <col min="4101" max="4107" width="13.5" style="1" customWidth="1"/>
    <col min="4108" max="4108" width="13.625" style="1" customWidth="1"/>
    <col min="4109" max="4109" width="14.5" style="1" customWidth="1"/>
    <col min="4110" max="4110" width="16.375" style="1" customWidth="1"/>
    <col min="4111" max="4354" width="12.625" style="1"/>
    <col min="4355" max="4355" width="4" style="1" customWidth="1"/>
    <col min="4356" max="4356" width="24.125" style="1" customWidth="1"/>
    <col min="4357" max="4363" width="13.5" style="1" customWidth="1"/>
    <col min="4364" max="4364" width="13.625" style="1" customWidth="1"/>
    <col min="4365" max="4365" width="14.5" style="1" customWidth="1"/>
    <col min="4366" max="4366" width="16.375" style="1" customWidth="1"/>
    <col min="4367" max="4610" width="12.625" style="1"/>
    <col min="4611" max="4611" width="4" style="1" customWidth="1"/>
    <col min="4612" max="4612" width="24.125" style="1" customWidth="1"/>
    <col min="4613" max="4619" width="13.5" style="1" customWidth="1"/>
    <col min="4620" max="4620" width="13.625" style="1" customWidth="1"/>
    <col min="4621" max="4621" width="14.5" style="1" customWidth="1"/>
    <col min="4622" max="4622" width="16.375" style="1" customWidth="1"/>
    <col min="4623" max="4866" width="12.625" style="1"/>
    <col min="4867" max="4867" width="4" style="1" customWidth="1"/>
    <col min="4868" max="4868" width="24.125" style="1" customWidth="1"/>
    <col min="4869" max="4875" width="13.5" style="1" customWidth="1"/>
    <col min="4876" max="4876" width="13.625" style="1" customWidth="1"/>
    <col min="4877" max="4877" width="14.5" style="1" customWidth="1"/>
    <col min="4878" max="4878" width="16.375" style="1" customWidth="1"/>
    <col min="4879" max="5122" width="12.625" style="1"/>
    <col min="5123" max="5123" width="4" style="1" customWidth="1"/>
    <col min="5124" max="5124" width="24.125" style="1" customWidth="1"/>
    <col min="5125" max="5131" width="13.5" style="1" customWidth="1"/>
    <col min="5132" max="5132" width="13.625" style="1" customWidth="1"/>
    <col min="5133" max="5133" width="14.5" style="1" customWidth="1"/>
    <col min="5134" max="5134" width="16.375" style="1" customWidth="1"/>
    <col min="5135" max="5378" width="12.625" style="1"/>
    <col min="5379" max="5379" width="4" style="1" customWidth="1"/>
    <col min="5380" max="5380" width="24.125" style="1" customWidth="1"/>
    <col min="5381" max="5387" width="13.5" style="1" customWidth="1"/>
    <col min="5388" max="5388" width="13.625" style="1" customWidth="1"/>
    <col min="5389" max="5389" width="14.5" style="1" customWidth="1"/>
    <col min="5390" max="5390" width="16.375" style="1" customWidth="1"/>
    <col min="5391" max="5634" width="12.625" style="1"/>
    <col min="5635" max="5635" width="4" style="1" customWidth="1"/>
    <col min="5636" max="5636" width="24.125" style="1" customWidth="1"/>
    <col min="5637" max="5643" width="13.5" style="1" customWidth="1"/>
    <col min="5644" max="5644" width="13.625" style="1" customWidth="1"/>
    <col min="5645" max="5645" width="14.5" style="1" customWidth="1"/>
    <col min="5646" max="5646" width="16.375" style="1" customWidth="1"/>
    <col min="5647" max="5890" width="12.625" style="1"/>
    <col min="5891" max="5891" width="4" style="1" customWidth="1"/>
    <col min="5892" max="5892" width="24.125" style="1" customWidth="1"/>
    <col min="5893" max="5899" width="13.5" style="1" customWidth="1"/>
    <col min="5900" max="5900" width="13.625" style="1" customWidth="1"/>
    <col min="5901" max="5901" width="14.5" style="1" customWidth="1"/>
    <col min="5902" max="5902" width="16.375" style="1" customWidth="1"/>
    <col min="5903" max="6146" width="12.625" style="1"/>
    <col min="6147" max="6147" width="4" style="1" customWidth="1"/>
    <col min="6148" max="6148" width="24.125" style="1" customWidth="1"/>
    <col min="6149" max="6155" width="13.5" style="1" customWidth="1"/>
    <col min="6156" max="6156" width="13.625" style="1" customWidth="1"/>
    <col min="6157" max="6157" width="14.5" style="1" customWidth="1"/>
    <col min="6158" max="6158" width="16.375" style="1" customWidth="1"/>
    <col min="6159" max="6402" width="12.625" style="1"/>
    <col min="6403" max="6403" width="4" style="1" customWidth="1"/>
    <col min="6404" max="6404" width="24.125" style="1" customWidth="1"/>
    <col min="6405" max="6411" width="13.5" style="1" customWidth="1"/>
    <col min="6412" max="6412" width="13.625" style="1" customWidth="1"/>
    <col min="6413" max="6413" width="14.5" style="1" customWidth="1"/>
    <col min="6414" max="6414" width="16.375" style="1" customWidth="1"/>
    <col min="6415" max="6658" width="12.625" style="1"/>
    <col min="6659" max="6659" width="4" style="1" customWidth="1"/>
    <col min="6660" max="6660" width="24.125" style="1" customWidth="1"/>
    <col min="6661" max="6667" width="13.5" style="1" customWidth="1"/>
    <col min="6668" max="6668" width="13.625" style="1" customWidth="1"/>
    <col min="6669" max="6669" width="14.5" style="1" customWidth="1"/>
    <col min="6670" max="6670" width="16.375" style="1" customWidth="1"/>
    <col min="6671" max="6914" width="12.625" style="1"/>
    <col min="6915" max="6915" width="4" style="1" customWidth="1"/>
    <col min="6916" max="6916" width="24.125" style="1" customWidth="1"/>
    <col min="6917" max="6923" width="13.5" style="1" customWidth="1"/>
    <col min="6924" max="6924" width="13.625" style="1" customWidth="1"/>
    <col min="6925" max="6925" width="14.5" style="1" customWidth="1"/>
    <col min="6926" max="6926" width="16.375" style="1" customWidth="1"/>
    <col min="6927" max="7170" width="12.625" style="1"/>
    <col min="7171" max="7171" width="4" style="1" customWidth="1"/>
    <col min="7172" max="7172" width="24.125" style="1" customWidth="1"/>
    <col min="7173" max="7179" width="13.5" style="1" customWidth="1"/>
    <col min="7180" max="7180" width="13.625" style="1" customWidth="1"/>
    <col min="7181" max="7181" width="14.5" style="1" customWidth="1"/>
    <col min="7182" max="7182" width="16.375" style="1" customWidth="1"/>
    <col min="7183" max="7426" width="12.625" style="1"/>
    <col min="7427" max="7427" width="4" style="1" customWidth="1"/>
    <col min="7428" max="7428" width="24.125" style="1" customWidth="1"/>
    <col min="7429" max="7435" width="13.5" style="1" customWidth="1"/>
    <col min="7436" max="7436" width="13.625" style="1" customWidth="1"/>
    <col min="7437" max="7437" width="14.5" style="1" customWidth="1"/>
    <col min="7438" max="7438" width="16.375" style="1" customWidth="1"/>
    <col min="7439" max="7682" width="12.625" style="1"/>
    <col min="7683" max="7683" width="4" style="1" customWidth="1"/>
    <col min="7684" max="7684" width="24.125" style="1" customWidth="1"/>
    <col min="7685" max="7691" width="13.5" style="1" customWidth="1"/>
    <col min="7692" max="7692" width="13.625" style="1" customWidth="1"/>
    <col min="7693" max="7693" width="14.5" style="1" customWidth="1"/>
    <col min="7694" max="7694" width="16.375" style="1" customWidth="1"/>
    <col min="7695" max="7938" width="12.625" style="1"/>
    <col min="7939" max="7939" width="4" style="1" customWidth="1"/>
    <col min="7940" max="7940" width="24.125" style="1" customWidth="1"/>
    <col min="7941" max="7947" width="13.5" style="1" customWidth="1"/>
    <col min="7948" max="7948" width="13.625" style="1" customWidth="1"/>
    <col min="7949" max="7949" width="14.5" style="1" customWidth="1"/>
    <col min="7950" max="7950" width="16.375" style="1" customWidth="1"/>
    <col min="7951" max="8194" width="12.625" style="1"/>
    <col min="8195" max="8195" width="4" style="1" customWidth="1"/>
    <col min="8196" max="8196" width="24.125" style="1" customWidth="1"/>
    <col min="8197" max="8203" width="13.5" style="1" customWidth="1"/>
    <col min="8204" max="8204" width="13.625" style="1" customWidth="1"/>
    <col min="8205" max="8205" width="14.5" style="1" customWidth="1"/>
    <col min="8206" max="8206" width="16.375" style="1" customWidth="1"/>
    <col min="8207" max="8450" width="12.625" style="1"/>
    <col min="8451" max="8451" width="4" style="1" customWidth="1"/>
    <col min="8452" max="8452" width="24.125" style="1" customWidth="1"/>
    <col min="8453" max="8459" width="13.5" style="1" customWidth="1"/>
    <col min="8460" max="8460" width="13.625" style="1" customWidth="1"/>
    <col min="8461" max="8461" width="14.5" style="1" customWidth="1"/>
    <col min="8462" max="8462" width="16.375" style="1" customWidth="1"/>
    <col min="8463" max="8706" width="12.625" style="1"/>
    <col min="8707" max="8707" width="4" style="1" customWidth="1"/>
    <col min="8708" max="8708" width="24.125" style="1" customWidth="1"/>
    <col min="8709" max="8715" width="13.5" style="1" customWidth="1"/>
    <col min="8716" max="8716" width="13.625" style="1" customWidth="1"/>
    <col min="8717" max="8717" width="14.5" style="1" customWidth="1"/>
    <col min="8718" max="8718" width="16.375" style="1" customWidth="1"/>
    <col min="8719" max="8962" width="12.625" style="1"/>
    <col min="8963" max="8963" width="4" style="1" customWidth="1"/>
    <col min="8964" max="8964" width="24.125" style="1" customWidth="1"/>
    <col min="8965" max="8971" width="13.5" style="1" customWidth="1"/>
    <col min="8972" max="8972" width="13.625" style="1" customWidth="1"/>
    <col min="8973" max="8973" width="14.5" style="1" customWidth="1"/>
    <col min="8974" max="8974" width="16.375" style="1" customWidth="1"/>
    <col min="8975" max="9218" width="12.625" style="1"/>
    <col min="9219" max="9219" width="4" style="1" customWidth="1"/>
    <col min="9220" max="9220" width="24.125" style="1" customWidth="1"/>
    <col min="9221" max="9227" width="13.5" style="1" customWidth="1"/>
    <col min="9228" max="9228" width="13.625" style="1" customWidth="1"/>
    <col min="9229" max="9229" width="14.5" style="1" customWidth="1"/>
    <col min="9230" max="9230" width="16.375" style="1" customWidth="1"/>
    <col min="9231" max="9474" width="12.625" style="1"/>
    <col min="9475" max="9475" width="4" style="1" customWidth="1"/>
    <col min="9476" max="9476" width="24.125" style="1" customWidth="1"/>
    <col min="9477" max="9483" width="13.5" style="1" customWidth="1"/>
    <col min="9484" max="9484" width="13.625" style="1" customWidth="1"/>
    <col min="9485" max="9485" width="14.5" style="1" customWidth="1"/>
    <col min="9486" max="9486" width="16.375" style="1" customWidth="1"/>
    <col min="9487" max="9730" width="12.625" style="1"/>
    <col min="9731" max="9731" width="4" style="1" customWidth="1"/>
    <col min="9732" max="9732" width="24.125" style="1" customWidth="1"/>
    <col min="9733" max="9739" width="13.5" style="1" customWidth="1"/>
    <col min="9740" max="9740" width="13.625" style="1" customWidth="1"/>
    <col min="9741" max="9741" width="14.5" style="1" customWidth="1"/>
    <col min="9742" max="9742" width="16.375" style="1" customWidth="1"/>
    <col min="9743" max="9986" width="12.625" style="1"/>
    <col min="9987" max="9987" width="4" style="1" customWidth="1"/>
    <col min="9988" max="9988" width="24.125" style="1" customWidth="1"/>
    <col min="9989" max="9995" width="13.5" style="1" customWidth="1"/>
    <col min="9996" max="9996" width="13.625" style="1" customWidth="1"/>
    <col min="9997" max="9997" width="14.5" style="1" customWidth="1"/>
    <col min="9998" max="9998" width="16.375" style="1" customWidth="1"/>
    <col min="9999" max="10242" width="12.625" style="1"/>
    <col min="10243" max="10243" width="4" style="1" customWidth="1"/>
    <col min="10244" max="10244" width="24.125" style="1" customWidth="1"/>
    <col min="10245" max="10251" width="13.5" style="1" customWidth="1"/>
    <col min="10252" max="10252" width="13.625" style="1" customWidth="1"/>
    <col min="10253" max="10253" width="14.5" style="1" customWidth="1"/>
    <col min="10254" max="10254" width="16.375" style="1" customWidth="1"/>
    <col min="10255" max="10498" width="12.625" style="1"/>
    <col min="10499" max="10499" width="4" style="1" customWidth="1"/>
    <col min="10500" max="10500" width="24.125" style="1" customWidth="1"/>
    <col min="10501" max="10507" width="13.5" style="1" customWidth="1"/>
    <col min="10508" max="10508" width="13.625" style="1" customWidth="1"/>
    <col min="10509" max="10509" width="14.5" style="1" customWidth="1"/>
    <col min="10510" max="10510" width="16.375" style="1" customWidth="1"/>
    <col min="10511" max="10754" width="12.625" style="1"/>
    <col min="10755" max="10755" width="4" style="1" customWidth="1"/>
    <col min="10756" max="10756" width="24.125" style="1" customWidth="1"/>
    <col min="10757" max="10763" width="13.5" style="1" customWidth="1"/>
    <col min="10764" max="10764" width="13.625" style="1" customWidth="1"/>
    <col min="10765" max="10765" width="14.5" style="1" customWidth="1"/>
    <col min="10766" max="10766" width="16.375" style="1" customWidth="1"/>
    <col min="10767" max="11010" width="12.625" style="1"/>
    <col min="11011" max="11011" width="4" style="1" customWidth="1"/>
    <col min="11012" max="11012" width="24.125" style="1" customWidth="1"/>
    <col min="11013" max="11019" width="13.5" style="1" customWidth="1"/>
    <col min="11020" max="11020" width="13.625" style="1" customWidth="1"/>
    <col min="11021" max="11021" width="14.5" style="1" customWidth="1"/>
    <col min="11022" max="11022" width="16.375" style="1" customWidth="1"/>
    <col min="11023" max="11266" width="12.625" style="1"/>
    <col min="11267" max="11267" width="4" style="1" customWidth="1"/>
    <col min="11268" max="11268" width="24.125" style="1" customWidth="1"/>
    <col min="11269" max="11275" width="13.5" style="1" customWidth="1"/>
    <col min="11276" max="11276" width="13.625" style="1" customWidth="1"/>
    <col min="11277" max="11277" width="14.5" style="1" customWidth="1"/>
    <col min="11278" max="11278" width="16.375" style="1" customWidth="1"/>
    <col min="11279" max="11522" width="12.625" style="1"/>
    <col min="11523" max="11523" width="4" style="1" customWidth="1"/>
    <col min="11524" max="11524" width="24.125" style="1" customWidth="1"/>
    <col min="11525" max="11531" width="13.5" style="1" customWidth="1"/>
    <col min="11532" max="11532" width="13.625" style="1" customWidth="1"/>
    <col min="11533" max="11533" width="14.5" style="1" customWidth="1"/>
    <col min="11534" max="11534" width="16.375" style="1" customWidth="1"/>
    <col min="11535" max="11778" width="12.625" style="1"/>
    <col min="11779" max="11779" width="4" style="1" customWidth="1"/>
    <col min="11780" max="11780" width="24.125" style="1" customWidth="1"/>
    <col min="11781" max="11787" width="13.5" style="1" customWidth="1"/>
    <col min="11788" max="11788" width="13.625" style="1" customWidth="1"/>
    <col min="11789" max="11789" width="14.5" style="1" customWidth="1"/>
    <col min="11790" max="11790" width="16.375" style="1" customWidth="1"/>
    <col min="11791" max="12034" width="12.625" style="1"/>
    <col min="12035" max="12035" width="4" style="1" customWidth="1"/>
    <col min="12036" max="12036" width="24.125" style="1" customWidth="1"/>
    <col min="12037" max="12043" width="13.5" style="1" customWidth="1"/>
    <col min="12044" max="12044" width="13.625" style="1" customWidth="1"/>
    <col min="12045" max="12045" width="14.5" style="1" customWidth="1"/>
    <col min="12046" max="12046" width="16.375" style="1" customWidth="1"/>
    <col min="12047" max="12290" width="12.625" style="1"/>
    <col min="12291" max="12291" width="4" style="1" customWidth="1"/>
    <col min="12292" max="12292" width="24.125" style="1" customWidth="1"/>
    <col min="12293" max="12299" width="13.5" style="1" customWidth="1"/>
    <col min="12300" max="12300" width="13.625" style="1" customWidth="1"/>
    <col min="12301" max="12301" width="14.5" style="1" customWidth="1"/>
    <col min="12302" max="12302" width="16.375" style="1" customWidth="1"/>
    <col min="12303" max="12546" width="12.625" style="1"/>
    <col min="12547" max="12547" width="4" style="1" customWidth="1"/>
    <col min="12548" max="12548" width="24.125" style="1" customWidth="1"/>
    <col min="12549" max="12555" width="13.5" style="1" customWidth="1"/>
    <col min="12556" max="12556" width="13.625" style="1" customWidth="1"/>
    <col min="12557" max="12557" width="14.5" style="1" customWidth="1"/>
    <col min="12558" max="12558" width="16.375" style="1" customWidth="1"/>
    <col min="12559" max="12802" width="12.625" style="1"/>
    <col min="12803" max="12803" width="4" style="1" customWidth="1"/>
    <col min="12804" max="12804" width="24.125" style="1" customWidth="1"/>
    <col min="12805" max="12811" width="13.5" style="1" customWidth="1"/>
    <col min="12812" max="12812" width="13.625" style="1" customWidth="1"/>
    <col min="12813" max="12813" width="14.5" style="1" customWidth="1"/>
    <col min="12814" max="12814" width="16.375" style="1" customWidth="1"/>
    <col min="12815" max="13058" width="12.625" style="1"/>
    <col min="13059" max="13059" width="4" style="1" customWidth="1"/>
    <col min="13060" max="13060" width="24.125" style="1" customWidth="1"/>
    <col min="13061" max="13067" width="13.5" style="1" customWidth="1"/>
    <col min="13068" max="13068" width="13.625" style="1" customWidth="1"/>
    <col min="13069" max="13069" width="14.5" style="1" customWidth="1"/>
    <col min="13070" max="13070" width="16.375" style="1" customWidth="1"/>
    <col min="13071" max="13314" width="12.625" style="1"/>
    <col min="13315" max="13315" width="4" style="1" customWidth="1"/>
    <col min="13316" max="13316" width="24.125" style="1" customWidth="1"/>
    <col min="13317" max="13323" width="13.5" style="1" customWidth="1"/>
    <col min="13324" max="13324" width="13.625" style="1" customWidth="1"/>
    <col min="13325" max="13325" width="14.5" style="1" customWidth="1"/>
    <col min="13326" max="13326" width="16.375" style="1" customWidth="1"/>
    <col min="13327" max="13570" width="12.625" style="1"/>
    <col min="13571" max="13571" width="4" style="1" customWidth="1"/>
    <col min="13572" max="13572" width="24.125" style="1" customWidth="1"/>
    <col min="13573" max="13579" width="13.5" style="1" customWidth="1"/>
    <col min="13580" max="13580" width="13.625" style="1" customWidth="1"/>
    <col min="13581" max="13581" width="14.5" style="1" customWidth="1"/>
    <col min="13582" max="13582" width="16.375" style="1" customWidth="1"/>
    <col min="13583" max="13826" width="12.625" style="1"/>
    <col min="13827" max="13827" width="4" style="1" customWidth="1"/>
    <col min="13828" max="13828" width="24.125" style="1" customWidth="1"/>
    <col min="13829" max="13835" width="13.5" style="1" customWidth="1"/>
    <col min="13836" max="13836" width="13.625" style="1" customWidth="1"/>
    <col min="13837" max="13837" width="14.5" style="1" customWidth="1"/>
    <col min="13838" max="13838" width="16.375" style="1" customWidth="1"/>
    <col min="13839" max="14082" width="12.625" style="1"/>
    <col min="14083" max="14083" width="4" style="1" customWidth="1"/>
    <col min="14084" max="14084" width="24.125" style="1" customWidth="1"/>
    <col min="14085" max="14091" width="13.5" style="1" customWidth="1"/>
    <col min="14092" max="14092" width="13.625" style="1" customWidth="1"/>
    <col min="14093" max="14093" width="14.5" style="1" customWidth="1"/>
    <col min="14094" max="14094" width="16.375" style="1" customWidth="1"/>
    <col min="14095" max="14338" width="12.625" style="1"/>
    <col min="14339" max="14339" width="4" style="1" customWidth="1"/>
    <col min="14340" max="14340" width="24.125" style="1" customWidth="1"/>
    <col min="14341" max="14347" width="13.5" style="1" customWidth="1"/>
    <col min="14348" max="14348" width="13.625" style="1" customWidth="1"/>
    <col min="14349" max="14349" width="14.5" style="1" customWidth="1"/>
    <col min="14350" max="14350" width="16.375" style="1" customWidth="1"/>
    <col min="14351" max="14594" width="12.625" style="1"/>
    <col min="14595" max="14595" width="4" style="1" customWidth="1"/>
    <col min="14596" max="14596" width="24.125" style="1" customWidth="1"/>
    <col min="14597" max="14603" width="13.5" style="1" customWidth="1"/>
    <col min="14604" max="14604" width="13.625" style="1" customWidth="1"/>
    <col min="14605" max="14605" width="14.5" style="1" customWidth="1"/>
    <col min="14606" max="14606" width="16.375" style="1" customWidth="1"/>
    <col min="14607" max="14850" width="12.625" style="1"/>
    <col min="14851" max="14851" width="4" style="1" customWidth="1"/>
    <col min="14852" max="14852" width="24.125" style="1" customWidth="1"/>
    <col min="14853" max="14859" width="13.5" style="1" customWidth="1"/>
    <col min="14860" max="14860" width="13.625" style="1" customWidth="1"/>
    <col min="14861" max="14861" width="14.5" style="1" customWidth="1"/>
    <col min="14862" max="14862" width="16.375" style="1" customWidth="1"/>
    <col min="14863" max="15106" width="12.625" style="1"/>
    <col min="15107" max="15107" width="4" style="1" customWidth="1"/>
    <col min="15108" max="15108" width="24.125" style="1" customWidth="1"/>
    <col min="15109" max="15115" width="13.5" style="1" customWidth="1"/>
    <col min="15116" max="15116" width="13.625" style="1" customWidth="1"/>
    <col min="15117" max="15117" width="14.5" style="1" customWidth="1"/>
    <col min="15118" max="15118" width="16.375" style="1" customWidth="1"/>
    <col min="15119" max="15362" width="12.625" style="1"/>
    <col min="15363" max="15363" width="4" style="1" customWidth="1"/>
    <col min="15364" max="15364" width="24.125" style="1" customWidth="1"/>
    <col min="15365" max="15371" width="13.5" style="1" customWidth="1"/>
    <col min="15372" max="15372" width="13.625" style="1" customWidth="1"/>
    <col min="15373" max="15373" width="14.5" style="1" customWidth="1"/>
    <col min="15374" max="15374" width="16.375" style="1" customWidth="1"/>
    <col min="15375" max="15618" width="12.625" style="1"/>
    <col min="15619" max="15619" width="4" style="1" customWidth="1"/>
    <col min="15620" max="15620" width="24.125" style="1" customWidth="1"/>
    <col min="15621" max="15627" width="13.5" style="1" customWidth="1"/>
    <col min="15628" max="15628" width="13.625" style="1" customWidth="1"/>
    <col min="15629" max="15629" width="14.5" style="1" customWidth="1"/>
    <col min="15630" max="15630" width="16.375" style="1" customWidth="1"/>
    <col min="15631" max="15874" width="12.625" style="1"/>
    <col min="15875" max="15875" width="4" style="1" customWidth="1"/>
    <col min="15876" max="15876" width="24.125" style="1" customWidth="1"/>
    <col min="15877" max="15883" width="13.5" style="1" customWidth="1"/>
    <col min="15884" max="15884" width="13.625" style="1" customWidth="1"/>
    <col min="15885" max="15885" width="14.5" style="1" customWidth="1"/>
    <col min="15886" max="15886" width="16.375" style="1" customWidth="1"/>
    <col min="15887" max="16130" width="12.625" style="1"/>
    <col min="16131" max="16131" width="4" style="1" customWidth="1"/>
    <col min="16132" max="16132" width="24.125" style="1" customWidth="1"/>
    <col min="16133" max="16139" width="13.5" style="1" customWidth="1"/>
    <col min="16140" max="16140" width="13.625" style="1" customWidth="1"/>
    <col min="16141" max="16141" width="14.5" style="1" customWidth="1"/>
    <col min="16142" max="16142" width="16.375" style="1" customWidth="1"/>
    <col min="16143" max="16384" width="12.625" style="1"/>
  </cols>
  <sheetData>
    <row r="1" spans="1:12" ht="24" customHeight="1">
      <c r="A1" s="59"/>
      <c r="B1" s="9"/>
      <c r="C1" s="9"/>
    </row>
    <row r="2" spans="1:12" s="2" customFormat="1" ht="30" customHeight="1">
      <c r="A2" s="82" t="s">
        <v>104</v>
      </c>
      <c r="B2" s="82"/>
      <c r="C2" s="82"/>
      <c r="D2" s="82"/>
      <c r="E2" s="82"/>
      <c r="F2" s="82"/>
      <c r="G2" s="82"/>
      <c r="H2" s="82"/>
      <c r="I2" s="82"/>
      <c r="J2" s="82"/>
      <c r="K2" s="82"/>
      <c r="L2" s="82"/>
    </row>
    <row r="3" spans="1:12" ht="24" customHeight="1">
      <c r="I3" s="3" t="s">
        <v>75</v>
      </c>
      <c r="J3" s="60" t="s">
        <v>76</v>
      </c>
      <c r="K3" s="3"/>
      <c r="L3" s="4"/>
    </row>
    <row r="4" spans="1:12" ht="7.5" customHeight="1" thickBot="1"/>
    <row r="5" spans="1:12" ht="24" customHeight="1">
      <c r="A5" s="86" t="s">
        <v>62</v>
      </c>
      <c r="B5" s="86" t="s">
        <v>63</v>
      </c>
      <c r="C5" s="86" t="s">
        <v>64</v>
      </c>
      <c r="D5" s="91" t="s">
        <v>0</v>
      </c>
      <c r="E5" s="86" t="s">
        <v>1</v>
      </c>
      <c r="F5" s="83" t="s">
        <v>65</v>
      </c>
      <c r="G5" s="86" t="s">
        <v>99</v>
      </c>
      <c r="H5" s="86" t="s">
        <v>61</v>
      </c>
      <c r="I5" s="83" t="s">
        <v>67</v>
      </c>
      <c r="J5" s="83" t="s">
        <v>8</v>
      </c>
      <c r="K5" s="92" t="s">
        <v>60</v>
      </c>
      <c r="L5" s="95" t="s">
        <v>107</v>
      </c>
    </row>
    <row r="6" spans="1:12" ht="24" customHeight="1">
      <c r="A6" s="87"/>
      <c r="B6" s="87"/>
      <c r="C6" s="87"/>
      <c r="D6" s="89"/>
      <c r="E6" s="87"/>
      <c r="F6" s="84"/>
      <c r="G6" s="89"/>
      <c r="H6" s="87"/>
      <c r="I6" s="90"/>
      <c r="J6" s="84"/>
      <c r="K6" s="93"/>
      <c r="L6" s="96"/>
    </row>
    <row r="7" spans="1:12" ht="24" customHeight="1">
      <c r="A7" s="87"/>
      <c r="B7" s="87"/>
      <c r="C7" s="87"/>
      <c r="D7" s="89"/>
      <c r="E7" s="87"/>
      <c r="F7" s="84"/>
      <c r="G7" s="89"/>
      <c r="H7" s="87"/>
      <c r="I7" s="90"/>
      <c r="J7" s="84"/>
      <c r="K7" s="93"/>
      <c r="L7" s="96"/>
    </row>
    <row r="8" spans="1:12" ht="24" customHeight="1">
      <c r="A8" s="87"/>
      <c r="B8" s="87"/>
      <c r="C8" s="87"/>
      <c r="D8" s="89"/>
      <c r="E8" s="87"/>
      <c r="F8" s="85"/>
      <c r="G8" s="89"/>
      <c r="H8" s="88"/>
      <c r="I8" s="90"/>
      <c r="J8" s="84"/>
      <c r="K8" s="94"/>
      <c r="L8" s="96"/>
    </row>
    <row r="9" spans="1:12" ht="24" customHeight="1">
      <c r="A9" s="6"/>
      <c r="B9" s="6"/>
      <c r="C9" s="6"/>
      <c r="D9" s="6" t="s">
        <v>2</v>
      </c>
      <c r="E9" s="6" t="s">
        <v>3</v>
      </c>
      <c r="F9" s="23" t="s">
        <v>21</v>
      </c>
      <c r="G9" s="6" t="s">
        <v>4</v>
      </c>
      <c r="H9" s="6" t="s">
        <v>5</v>
      </c>
      <c r="I9" s="23" t="s">
        <v>66</v>
      </c>
      <c r="J9" s="25" t="s">
        <v>6</v>
      </c>
      <c r="K9" s="7" t="s">
        <v>7</v>
      </c>
      <c r="L9" s="26" t="s">
        <v>74</v>
      </c>
    </row>
    <row r="10" spans="1:12" ht="121.5" customHeight="1" thickBot="1">
      <c r="A10" s="61" t="s">
        <v>69</v>
      </c>
      <c r="B10" s="61">
        <v>2</v>
      </c>
      <c r="C10" s="61" t="s">
        <v>78</v>
      </c>
      <c r="D10" s="29">
        <v>1600000</v>
      </c>
      <c r="E10" s="29">
        <v>0</v>
      </c>
      <c r="F10" s="24">
        <f>D10-E10</f>
        <v>1600000</v>
      </c>
      <c r="G10" s="28">
        <v>1600000</v>
      </c>
      <c r="H10" s="28">
        <v>2000000</v>
      </c>
      <c r="I10" s="24">
        <f>MIN(H10,G10)</f>
        <v>1600000</v>
      </c>
      <c r="J10" s="24">
        <f>MIN(I10,F10)</f>
        <v>1600000</v>
      </c>
      <c r="K10" s="56" t="s">
        <v>77</v>
      </c>
      <c r="L10" s="27">
        <f>ROUNDDOWN(J10*0.5,-3)</f>
        <v>800000</v>
      </c>
    </row>
    <row r="11" spans="1:12" ht="19.149999999999999" customHeight="1">
      <c r="A11" s="55" t="s">
        <v>25</v>
      </c>
      <c r="B11" s="55"/>
      <c r="C11" s="55"/>
      <c r="D11" s="55"/>
      <c r="E11" s="55"/>
      <c r="F11" s="55"/>
      <c r="G11" s="55"/>
      <c r="H11" s="55"/>
      <c r="I11" s="55"/>
      <c r="J11" s="55"/>
      <c r="K11" s="55"/>
      <c r="L11" s="55"/>
    </row>
    <row r="12" spans="1:12" ht="24" customHeight="1">
      <c r="A12" s="81" t="s">
        <v>101</v>
      </c>
      <c r="B12" s="81"/>
      <c r="C12" s="81"/>
      <c r="D12" s="81"/>
      <c r="E12" s="81"/>
      <c r="F12" s="81"/>
    </row>
    <row r="26" spans="1:1" ht="24" customHeight="1">
      <c r="A26" s="57" t="s">
        <v>69</v>
      </c>
    </row>
    <row r="27" spans="1:1" ht="24" customHeight="1">
      <c r="A27" s="57" t="s">
        <v>70</v>
      </c>
    </row>
    <row r="28" spans="1:1" ht="24" customHeight="1">
      <c r="A28" s="57" t="s">
        <v>71</v>
      </c>
    </row>
    <row r="29" spans="1:1" ht="24" customHeight="1">
      <c r="A29" s="57" t="s">
        <v>72</v>
      </c>
    </row>
    <row r="30" spans="1:1" ht="24" customHeight="1">
      <c r="A30" s="57" t="s">
        <v>73</v>
      </c>
    </row>
  </sheetData>
  <mergeCells count="13">
    <mergeCell ref="A2:L2"/>
    <mergeCell ref="A5:A8"/>
    <mergeCell ref="B5:B8"/>
    <mergeCell ref="C5:C8"/>
    <mergeCell ref="D5:D8"/>
    <mergeCell ref="E5:E8"/>
    <mergeCell ref="F5:F8"/>
    <mergeCell ref="G5:G8"/>
    <mergeCell ref="H5:H8"/>
    <mergeCell ref="I5:I8"/>
    <mergeCell ref="J5:J8"/>
    <mergeCell ref="K5:K8"/>
    <mergeCell ref="L5:L8"/>
  </mergeCells>
  <phoneticPr fontId="2"/>
  <printOptions horizontalCentered="1" verticalCentered="1"/>
  <pageMargins left="0.39370078740157483" right="0.39370078740157483" top="0.78740157480314965" bottom="0.78740157480314965" header="0.39370078740157483" footer="0.39370078740157483"/>
  <pageSetup paperSize="9" scale="64" orientation="landscape" r:id="rId1"/>
  <headerFooter alignWithMargins="0">
    <oddHeader>&amp;L様式１関係</oddHeader>
  </headerFooter>
  <colBreaks count="1" manualBreakCount="1">
    <brk id="12" max="12" man="1"/>
  </colBreaks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00000000-0002-0000-0200-000000000000}">
          <x14:formula1>
            <xm:f>Sheet!$A$1:$A$5</xm:f>
          </x14:formula1>
          <xm:sqref>A10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92D050"/>
    <pageSetUpPr fitToPage="1"/>
  </sheetPr>
  <dimension ref="A1:H12"/>
  <sheetViews>
    <sheetView view="pageBreakPreview" zoomScale="80" zoomScaleNormal="100" zoomScaleSheetLayoutView="80" workbookViewId="0">
      <selection activeCell="A3" sqref="A3"/>
    </sheetView>
  </sheetViews>
  <sheetFormatPr defaultRowHeight="14.25"/>
  <cols>
    <col min="1" max="1" width="5.125" style="68" customWidth="1"/>
    <col min="2" max="2" width="21.375" style="68" customWidth="1"/>
    <col min="3" max="3" width="45.5" customWidth="1"/>
    <col min="4" max="4" width="18.5" customWidth="1"/>
    <col min="5" max="5" width="11.25" customWidth="1"/>
    <col min="6" max="6" width="5" customWidth="1"/>
  </cols>
  <sheetData>
    <row r="1" spans="1:8" ht="23.45" customHeight="1">
      <c r="A1" s="65" t="s">
        <v>98</v>
      </c>
      <c r="B1" s="66"/>
      <c r="C1" s="67"/>
      <c r="D1" s="67"/>
      <c r="E1" s="67"/>
    </row>
    <row r="2" spans="1:8" ht="17.25">
      <c r="A2" s="82" t="s">
        <v>108</v>
      </c>
      <c r="B2" s="82"/>
      <c r="C2" s="82"/>
      <c r="D2" s="82"/>
      <c r="E2" s="82"/>
      <c r="F2" s="66"/>
    </row>
    <row r="3" spans="1:8" ht="18.75">
      <c r="F3" s="69"/>
      <c r="H3" s="70"/>
    </row>
    <row r="4" spans="1:8">
      <c r="D4" s="71" t="s">
        <v>90</v>
      </c>
      <c r="E4" s="72"/>
      <c r="F4" s="72"/>
      <c r="H4" s="70"/>
    </row>
    <row r="5" spans="1:8">
      <c r="D5" s="73"/>
      <c r="H5" s="70"/>
    </row>
    <row r="6" spans="1:8">
      <c r="A6" s="74"/>
      <c r="B6" s="75"/>
      <c r="C6" s="76"/>
      <c r="D6" s="76"/>
      <c r="E6" s="76"/>
    </row>
    <row r="7" spans="1:8" ht="78" customHeight="1">
      <c r="A7" s="77"/>
      <c r="B7" s="78" t="s">
        <v>91</v>
      </c>
      <c r="C7" s="98"/>
      <c r="D7" s="98"/>
      <c r="E7" s="98"/>
    </row>
    <row r="8" spans="1:8" ht="78" customHeight="1">
      <c r="A8" s="77"/>
      <c r="B8" s="78" t="s">
        <v>95</v>
      </c>
      <c r="C8" s="99"/>
      <c r="D8" s="100"/>
      <c r="E8" s="101"/>
    </row>
    <row r="9" spans="1:8" ht="78" customHeight="1">
      <c r="A9" s="77"/>
      <c r="B9" s="78" t="s">
        <v>96</v>
      </c>
      <c r="C9" s="99"/>
      <c r="D9" s="100"/>
      <c r="E9" s="101"/>
    </row>
    <row r="10" spans="1:8" ht="36" customHeight="1">
      <c r="A10" s="77"/>
      <c r="B10" s="78" t="s">
        <v>92</v>
      </c>
      <c r="C10" s="98" t="s">
        <v>93</v>
      </c>
      <c r="D10" s="98"/>
      <c r="E10" s="98"/>
    </row>
    <row r="11" spans="1:8" ht="36" customHeight="1">
      <c r="A11" s="77"/>
      <c r="B11" s="78" t="s">
        <v>94</v>
      </c>
      <c r="C11" s="97">
        <v>46112</v>
      </c>
      <c r="D11" s="98"/>
      <c r="E11" s="98"/>
    </row>
    <row r="12" spans="1:8" ht="36" customHeight="1">
      <c r="A12" s="79"/>
      <c r="B12" s="75"/>
      <c r="C12" s="76"/>
      <c r="D12" s="76"/>
      <c r="E12" s="76"/>
    </row>
  </sheetData>
  <mergeCells count="6">
    <mergeCell ref="C11:E11"/>
    <mergeCell ref="A2:E2"/>
    <mergeCell ref="C7:E7"/>
    <mergeCell ref="C8:E8"/>
    <mergeCell ref="C9:E9"/>
    <mergeCell ref="C10:E10"/>
  </mergeCells>
  <phoneticPr fontId="2"/>
  <printOptions horizontalCentered="1" verticalCentered="1"/>
  <pageMargins left="0.39370078740157483" right="0.39370078740157483" top="0.78740157480314965" bottom="0.78740157480314965" header="0.39370078740157483" footer="0.39370078740157483"/>
  <pageSetup paperSize="9" orientation="landscape" r:id="rId1"/>
  <headerFooter>
    <oddHeader>&amp;L様式１関係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92D050"/>
    <pageSetUpPr fitToPage="1"/>
  </sheetPr>
  <dimension ref="A1:H12"/>
  <sheetViews>
    <sheetView view="pageBreakPreview" zoomScale="80" zoomScaleNormal="100" zoomScaleSheetLayoutView="80" workbookViewId="0">
      <selection activeCell="E13" sqref="E13"/>
    </sheetView>
  </sheetViews>
  <sheetFormatPr defaultRowHeight="14.25"/>
  <cols>
    <col min="1" max="1" width="5.125" style="68" customWidth="1"/>
    <col min="2" max="2" width="21.375" style="68" customWidth="1"/>
    <col min="3" max="3" width="45.5" customWidth="1"/>
    <col min="4" max="4" width="18.5" customWidth="1"/>
    <col min="5" max="5" width="11.25" customWidth="1"/>
    <col min="6" max="6" width="5" customWidth="1"/>
  </cols>
  <sheetData>
    <row r="1" spans="1:8" ht="23.45" customHeight="1">
      <c r="A1" s="65" t="s">
        <v>98</v>
      </c>
      <c r="B1" s="66"/>
      <c r="C1" s="67"/>
      <c r="D1" s="67"/>
      <c r="E1" s="67"/>
    </row>
    <row r="2" spans="1:8" ht="17.25">
      <c r="A2" s="82" t="s">
        <v>108</v>
      </c>
      <c r="B2" s="82"/>
      <c r="C2" s="82"/>
      <c r="D2" s="82"/>
      <c r="E2" s="82"/>
      <c r="F2" s="66"/>
    </row>
    <row r="3" spans="1:8" ht="18.75">
      <c r="F3" s="69"/>
      <c r="H3" s="70"/>
    </row>
    <row r="4" spans="1:8">
      <c r="D4" s="71" t="s">
        <v>90</v>
      </c>
      <c r="E4" s="72"/>
      <c r="F4" s="72"/>
      <c r="H4" s="70"/>
    </row>
    <row r="5" spans="1:8">
      <c r="D5" s="73"/>
      <c r="H5" s="70"/>
    </row>
    <row r="6" spans="1:8">
      <c r="A6" s="74"/>
      <c r="B6" s="75"/>
      <c r="C6" s="76"/>
      <c r="D6" s="76"/>
      <c r="E6" s="76"/>
    </row>
    <row r="7" spans="1:8" ht="78" customHeight="1">
      <c r="A7" s="77"/>
      <c r="B7" s="78" t="s">
        <v>91</v>
      </c>
      <c r="C7" s="98"/>
      <c r="D7" s="98"/>
      <c r="E7" s="98"/>
    </row>
    <row r="8" spans="1:8" ht="78" customHeight="1">
      <c r="A8" s="77"/>
      <c r="B8" s="78" t="s">
        <v>95</v>
      </c>
      <c r="C8" s="99" t="s">
        <v>97</v>
      </c>
      <c r="D8" s="100"/>
      <c r="E8" s="101"/>
    </row>
    <row r="9" spans="1:8" ht="78" customHeight="1">
      <c r="A9" s="77"/>
      <c r="B9" s="78" t="s">
        <v>96</v>
      </c>
      <c r="C9" s="99"/>
      <c r="D9" s="100"/>
      <c r="E9" s="101"/>
    </row>
    <row r="10" spans="1:8" ht="36" customHeight="1">
      <c r="A10" s="77"/>
      <c r="B10" s="78" t="s">
        <v>92</v>
      </c>
      <c r="C10" s="98" t="s">
        <v>93</v>
      </c>
      <c r="D10" s="98"/>
      <c r="E10" s="98"/>
    </row>
    <row r="11" spans="1:8" ht="36" customHeight="1">
      <c r="A11" s="77"/>
      <c r="B11" s="78" t="s">
        <v>94</v>
      </c>
      <c r="C11" s="97">
        <v>46112</v>
      </c>
      <c r="D11" s="98"/>
      <c r="E11" s="98"/>
    </row>
    <row r="12" spans="1:8" ht="36" customHeight="1">
      <c r="A12" s="79"/>
      <c r="B12" s="75"/>
      <c r="C12" s="76"/>
      <c r="D12" s="76"/>
      <c r="E12" s="76"/>
    </row>
  </sheetData>
  <mergeCells count="6">
    <mergeCell ref="C11:E11"/>
    <mergeCell ref="A2:E2"/>
    <mergeCell ref="C7:E7"/>
    <mergeCell ref="C8:E8"/>
    <mergeCell ref="C9:E9"/>
    <mergeCell ref="C10:E10"/>
  </mergeCells>
  <phoneticPr fontId="2"/>
  <printOptions horizontalCentered="1" verticalCentered="1"/>
  <pageMargins left="0.39370078740157483" right="0.39370078740157483" top="0.78740157480314965" bottom="0.78740157480314965" header="0.39370078740157483" footer="0.39370078740157483"/>
  <pageSetup paperSize="9" orientation="landscape" r:id="rId1"/>
  <headerFooter>
    <oddHeader>&amp;L様式１関係</oddHeader>
  </headerFooter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rgb="FF92D050"/>
    <pageSetUpPr fitToPage="1"/>
  </sheetPr>
  <dimension ref="A1:D29"/>
  <sheetViews>
    <sheetView zoomScaleNormal="100" zoomScaleSheetLayoutView="100" workbookViewId="0">
      <selection activeCell="A23" sqref="A23"/>
    </sheetView>
  </sheetViews>
  <sheetFormatPr defaultRowHeight="14.25"/>
  <cols>
    <col min="1" max="4" width="21.625" style="10" customWidth="1"/>
    <col min="5" max="256" width="9" style="10"/>
    <col min="257" max="260" width="17.875" style="10" customWidth="1"/>
    <col min="261" max="512" width="9" style="10"/>
    <col min="513" max="516" width="17.875" style="10" customWidth="1"/>
    <col min="517" max="768" width="9" style="10"/>
    <col min="769" max="772" width="17.875" style="10" customWidth="1"/>
    <col min="773" max="1024" width="9" style="10"/>
    <col min="1025" max="1028" width="17.875" style="10" customWidth="1"/>
    <col min="1029" max="1280" width="9" style="10"/>
    <col min="1281" max="1284" width="17.875" style="10" customWidth="1"/>
    <col min="1285" max="1536" width="9" style="10"/>
    <col min="1537" max="1540" width="17.875" style="10" customWidth="1"/>
    <col min="1541" max="1792" width="9" style="10"/>
    <col min="1793" max="1796" width="17.875" style="10" customWidth="1"/>
    <col min="1797" max="2048" width="9" style="10"/>
    <col min="2049" max="2052" width="17.875" style="10" customWidth="1"/>
    <col min="2053" max="2304" width="9" style="10"/>
    <col min="2305" max="2308" width="17.875" style="10" customWidth="1"/>
    <col min="2309" max="2560" width="9" style="10"/>
    <col min="2561" max="2564" width="17.875" style="10" customWidth="1"/>
    <col min="2565" max="2816" width="9" style="10"/>
    <col min="2817" max="2820" width="17.875" style="10" customWidth="1"/>
    <col min="2821" max="3072" width="9" style="10"/>
    <col min="3073" max="3076" width="17.875" style="10" customWidth="1"/>
    <col min="3077" max="3328" width="9" style="10"/>
    <col min="3329" max="3332" width="17.875" style="10" customWidth="1"/>
    <col min="3333" max="3584" width="9" style="10"/>
    <col min="3585" max="3588" width="17.875" style="10" customWidth="1"/>
    <col min="3589" max="3840" width="9" style="10"/>
    <col min="3841" max="3844" width="17.875" style="10" customWidth="1"/>
    <col min="3845" max="4096" width="9" style="10"/>
    <col min="4097" max="4100" width="17.875" style="10" customWidth="1"/>
    <col min="4101" max="4352" width="9" style="10"/>
    <col min="4353" max="4356" width="17.875" style="10" customWidth="1"/>
    <col min="4357" max="4608" width="9" style="10"/>
    <col min="4609" max="4612" width="17.875" style="10" customWidth="1"/>
    <col min="4613" max="4864" width="9" style="10"/>
    <col min="4865" max="4868" width="17.875" style="10" customWidth="1"/>
    <col min="4869" max="5120" width="9" style="10"/>
    <col min="5121" max="5124" width="17.875" style="10" customWidth="1"/>
    <col min="5125" max="5376" width="9" style="10"/>
    <col min="5377" max="5380" width="17.875" style="10" customWidth="1"/>
    <col min="5381" max="5632" width="9" style="10"/>
    <col min="5633" max="5636" width="17.875" style="10" customWidth="1"/>
    <col min="5637" max="5888" width="9" style="10"/>
    <col min="5889" max="5892" width="17.875" style="10" customWidth="1"/>
    <col min="5893" max="6144" width="9" style="10"/>
    <col min="6145" max="6148" width="17.875" style="10" customWidth="1"/>
    <col min="6149" max="6400" width="9" style="10"/>
    <col min="6401" max="6404" width="17.875" style="10" customWidth="1"/>
    <col min="6405" max="6656" width="9" style="10"/>
    <col min="6657" max="6660" width="17.875" style="10" customWidth="1"/>
    <col min="6661" max="6912" width="9" style="10"/>
    <col min="6913" max="6916" width="17.875" style="10" customWidth="1"/>
    <col min="6917" max="7168" width="9" style="10"/>
    <col min="7169" max="7172" width="17.875" style="10" customWidth="1"/>
    <col min="7173" max="7424" width="9" style="10"/>
    <col min="7425" max="7428" width="17.875" style="10" customWidth="1"/>
    <col min="7429" max="7680" width="9" style="10"/>
    <col min="7681" max="7684" width="17.875" style="10" customWidth="1"/>
    <col min="7685" max="7936" width="9" style="10"/>
    <col min="7937" max="7940" width="17.875" style="10" customWidth="1"/>
    <col min="7941" max="8192" width="9" style="10"/>
    <col min="8193" max="8196" width="17.875" style="10" customWidth="1"/>
    <col min="8197" max="8448" width="9" style="10"/>
    <col min="8449" max="8452" width="17.875" style="10" customWidth="1"/>
    <col min="8453" max="8704" width="9" style="10"/>
    <col min="8705" max="8708" width="17.875" style="10" customWidth="1"/>
    <col min="8709" max="8960" width="9" style="10"/>
    <col min="8961" max="8964" width="17.875" style="10" customWidth="1"/>
    <col min="8965" max="9216" width="9" style="10"/>
    <col min="9217" max="9220" width="17.875" style="10" customWidth="1"/>
    <col min="9221" max="9472" width="9" style="10"/>
    <col min="9473" max="9476" width="17.875" style="10" customWidth="1"/>
    <col min="9477" max="9728" width="9" style="10"/>
    <col min="9729" max="9732" width="17.875" style="10" customWidth="1"/>
    <col min="9733" max="9984" width="9" style="10"/>
    <col min="9985" max="9988" width="17.875" style="10" customWidth="1"/>
    <col min="9989" max="10240" width="9" style="10"/>
    <col min="10241" max="10244" width="17.875" style="10" customWidth="1"/>
    <col min="10245" max="10496" width="9" style="10"/>
    <col min="10497" max="10500" width="17.875" style="10" customWidth="1"/>
    <col min="10501" max="10752" width="9" style="10"/>
    <col min="10753" max="10756" width="17.875" style="10" customWidth="1"/>
    <col min="10757" max="11008" width="9" style="10"/>
    <col min="11009" max="11012" width="17.875" style="10" customWidth="1"/>
    <col min="11013" max="11264" width="9" style="10"/>
    <col min="11265" max="11268" width="17.875" style="10" customWidth="1"/>
    <col min="11269" max="11520" width="9" style="10"/>
    <col min="11521" max="11524" width="17.875" style="10" customWidth="1"/>
    <col min="11525" max="11776" width="9" style="10"/>
    <col min="11777" max="11780" width="17.875" style="10" customWidth="1"/>
    <col min="11781" max="12032" width="9" style="10"/>
    <col min="12033" max="12036" width="17.875" style="10" customWidth="1"/>
    <col min="12037" max="12288" width="9" style="10"/>
    <col min="12289" max="12292" width="17.875" style="10" customWidth="1"/>
    <col min="12293" max="12544" width="9" style="10"/>
    <col min="12545" max="12548" width="17.875" style="10" customWidth="1"/>
    <col min="12549" max="12800" width="9" style="10"/>
    <col min="12801" max="12804" width="17.875" style="10" customWidth="1"/>
    <col min="12805" max="13056" width="9" style="10"/>
    <col min="13057" max="13060" width="17.875" style="10" customWidth="1"/>
    <col min="13061" max="13312" width="9" style="10"/>
    <col min="13313" max="13316" width="17.875" style="10" customWidth="1"/>
    <col min="13317" max="13568" width="9" style="10"/>
    <col min="13569" max="13572" width="17.875" style="10" customWidth="1"/>
    <col min="13573" max="13824" width="9" style="10"/>
    <col min="13825" max="13828" width="17.875" style="10" customWidth="1"/>
    <col min="13829" max="14080" width="9" style="10"/>
    <col min="14081" max="14084" width="17.875" style="10" customWidth="1"/>
    <col min="14085" max="14336" width="9" style="10"/>
    <col min="14337" max="14340" width="17.875" style="10" customWidth="1"/>
    <col min="14341" max="14592" width="9" style="10"/>
    <col min="14593" max="14596" width="17.875" style="10" customWidth="1"/>
    <col min="14597" max="14848" width="9" style="10"/>
    <col min="14849" max="14852" width="17.875" style="10" customWidth="1"/>
    <col min="14853" max="15104" width="9" style="10"/>
    <col min="15105" max="15108" width="17.875" style="10" customWidth="1"/>
    <col min="15109" max="15360" width="9" style="10"/>
    <col min="15361" max="15364" width="17.875" style="10" customWidth="1"/>
    <col min="15365" max="15616" width="9" style="10"/>
    <col min="15617" max="15620" width="17.875" style="10" customWidth="1"/>
    <col min="15621" max="15872" width="9" style="10"/>
    <col min="15873" max="15876" width="17.875" style="10" customWidth="1"/>
    <col min="15877" max="16128" width="9" style="10"/>
    <col min="16129" max="16132" width="17.875" style="10" customWidth="1"/>
    <col min="16133" max="16384" width="9" style="10"/>
  </cols>
  <sheetData>
    <row r="1" spans="1:4">
      <c r="A1" s="102" t="s">
        <v>105</v>
      </c>
      <c r="B1" s="102"/>
      <c r="C1" s="102"/>
      <c r="D1" s="102"/>
    </row>
    <row r="2" spans="1:4" ht="6" customHeight="1"/>
    <row r="3" spans="1:4">
      <c r="A3" s="102" t="s">
        <v>79</v>
      </c>
      <c r="B3" s="102"/>
      <c r="C3" s="102"/>
      <c r="D3" s="102"/>
    </row>
    <row r="5" spans="1:4" ht="30.75" customHeight="1">
      <c r="D5" s="11" t="s">
        <v>9</v>
      </c>
    </row>
    <row r="6" spans="1:4" ht="18.75" customHeight="1">
      <c r="A6" s="103" t="s">
        <v>10</v>
      </c>
      <c r="B6" s="104"/>
      <c r="C6" s="103" t="s">
        <v>11</v>
      </c>
      <c r="D6" s="104"/>
    </row>
    <row r="7" spans="1:4" ht="18.75" customHeight="1">
      <c r="A7" s="12" t="s">
        <v>12</v>
      </c>
      <c r="B7" s="12" t="s">
        <v>13</v>
      </c>
      <c r="C7" s="12" t="s">
        <v>14</v>
      </c>
      <c r="D7" s="12" t="s">
        <v>13</v>
      </c>
    </row>
    <row r="8" spans="1:4" ht="18.75" customHeight="1">
      <c r="A8" s="13"/>
      <c r="B8" s="14"/>
      <c r="C8" s="14"/>
      <c r="D8" s="14"/>
    </row>
    <row r="9" spans="1:4" ht="18.75" customHeight="1">
      <c r="A9" s="13" t="s">
        <v>15</v>
      </c>
      <c r="B9" s="15"/>
      <c r="C9" s="15" t="s">
        <v>80</v>
      </c>
      <c r="D9" s="15"/>
    </row>
    <row r="10" spans="1:4" ht="18.75" customHeight="1">
      <c r="A10" s="13"/>
      <c r="B10" s="15"/>
      <c r="C10" s="15"/>
      <c r="D10" s="15"/>
    </row>
    <row r="11" spans="1:4" ht="18.75" customHeight="1">
      <c r="A11" s="13" t="s">
        <v>16</v>
      </c>
      <c r="B11" s="15"/>
      <c r="C11" s="15" t="s">
        <v>81</v>
      </c>
      <c r="D11" s="15"/>
    </row>
    <row r="12" spans="1:4" ht="18.75" customHeight="1">
      <c r="A12" s="13"/>
      <c r="B12" s="15"/>
      <c r="C12" s="15"/>
      <c r="D12" s="15"/>
    </row>
    <row r="13" spans="1:4" ht="18.75" customHeight="1">
      <c r="A13" s="13" t="s">
        <v>19</v>
      </c>
      <c r="B13" s="15">
        <v>0</v>
      </c>
      <c r="C13" s="15" t="s">
        <v>82</v>
      </c>
      <c r="D13" s="15"/>
    </row>
    <row r="14" spans="1:4" ht="18.75" customHeight="1">
      <c r="A14" s="13"/>
      <c r="B14" s="15"/>
      <c r="C14" s="15"/>
      <c r="D14" s="15"/>
    </row>
    <row r="15" spans="1:4" ht="18.75" customHeight="1">
      <c r="A15" s="13"/>
      <c r="B15" s="15"/>
      <c r="C15" s="15" t="s">
        <v>83</v>
      </c>
      <c r="D15" s="15"/>
    </row>
    <row r="16" spans="1:4" ht="18.75" customHeight="1">
      <c r="A16" s="16"/>
      <c r="B16" s="17"/>
      <c r="C16" s="17"/>
      <c r="D16" s="17"/>
    </row>
    <row r="17" spans="1:4" ht="30" customHeight="1">
      <c r="A17" s="12" t="s">
        <v>17</v>
      </c>
      <c r="B17" s="18">
        <f>SUM(B8:B16)</f>
        <v>0</v>
      </c>
      <c r="C17" s="19" t="s">
        <v>17</v>
      </c>
      <c r="D17" s="18">
        <f>SUM(D8:D16)</f>
        <v>0</v>
      </c>
    </row>
    <row r="20" spans="1:4">
      <c r="A20" s="80" t="s">
        <v>106</v>
      </c>
    </row>
    <row r="22" spans="1:4">
      <c r="A22" s="10" t="s">
        <v>18</v>
      </c>
    </row>
    <row r="24" spans="1:4">
      <c r="B24" s="20" t="s">
        <v>22</v>
      </c>
    </row>
    <row r="25" spans="1:4">
      <c r="B25" s="20"/>
    </row>
    <row r="26" spans="1:4">
      <c r="B26" s="20" t="s">
        <v>23</v>
      </c>
    </row>
    <row r="27" spans="1:4">
      <c r="B27" s="20"/>
    </row>
    <row r="28" spans="1:4">
      <c r="B28" s="20" t="s">
        <v>24</v>
      </c>
      <c r="D28" s="21"/>
    </row>
    <row r="29" spans="1:4">
      <c r="B29" s="20"/>
    </row>
  </sheetData>
  <mergeCells count="4">
    <mergeCell ref="A1:D1"/>
    <mergeCell ref="A3:D3"/>
    <mergeCell ref="A6:B6"/>
    <mergeCell ref="C6:D6"/>
  </mergeCells>
  <phoneticPr fontId="2"/>
  <printOptions horizontalCentered="1"/>
  <pageMargins left="0.78740157480314965" right="0.78740157480314965" top="1.5748031496062993" bottom="0.78740157480314965" header="0.78740157480314965" footer="0.39370078740157483"/>
  <pageSetup paperSize="9" scale="10" orientation="portrait" r:id="rId1"/>
  <headerFooter alignWithMargins="0">
    <oddHeader>&amp;L様式１関係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pageSetUpPr fitToPage="1"/>
  </sheetPr>
  <dimension ref="A1:D29"/>
  <sheetViews>
    <sheetView view="pageBreakPreview" zoomScaleNormal="100" zoomScaleSheetLayoutView="100" workbookViewId="0">
      <selection activeCell="A12" sqref="A12"/>
    </sheetView>
  </sheetViews>
  <sheetFormatPr defaultRowHeight="14.25"/>
  <cols>
    <col min="1" max="4" width="21.625" style="10" customWidth="1"/>
    <col min="5" max="256" width="8.625" style="10"/>
    <col min="257" max="260" width="17.875" style="10" customWidth="1"/>
    <col min="261" max="512" width="8.625" style="10"/>
    <col min="513" max="516" width="17.875" style="10" customWidth="1"/>
    <col min="517" max="768" width="8.625" style="10"/>
    <col min="769" max="772" width="17.875" style="10" customWidth="1"/>
    <col min="773" max="1024" width="8.625" style="10"/>
    <col min="1025" max="1028" width="17.875" style="10" customWidth="1"/>
    <col min="1029" max="1280" width="8.625" style="10"/>
    <col min="1281" max="1284" width="17.875" style="10" customWidth="1"/>
    <col min="1285" max="1536" width="8.625" style="10"/>
    <col min="1537" max="1540" width="17.875" style="10" customWidth="1"/>
    <col min="1541" max="1792" width="8.625" style="10"/>
    <col min="1793" max="1796" width="17.875" style="10" customWidth="1"/>
    <col min="1797" max="2048" width="8.625" style="10"/>
    <col min="2049" max="2052" width="17.875" style="10" customWidth="1"/>
    <col min="2053" max="2304" width="8.625" style="10"/>
    <col min="2305" max="2308" width="17.875" style="10" customWidth="1"/>
    <col min="2309" max="2560" width="8.625" style="10"/>
    <col min="2561" max="2564" width="17.875" style="10" customWidth="1"/>
    <col min="2565" max="2816" width="8.625" style="10"/>
    <col min="2817" max="2820" width="17.875" style="10" customWidth="1"/>
    <col min="2821" max="3072" width="8.625" style="10"/>
    <col min="3073" max="3076" width="17.875" style="10" customWidth="1"/>
    <col min="3077" max="3328" width="8.625" style="10"/>
    <col min="3329" max="3332" width="17.875" style="10" customWidth="1"/>
    <col min="3333" max="3584" width="8.625" style="10"/>
    <col min="3585" max="3588" width="17.875" style="10" customWidth="1"/>
    <col min="3589" max="3840" width="8.625" style="10"/>
    <col min="3841" max="3844" width="17.875" style="10" customWidth="1"/>
    <col min="3845" max="4096" width="8.625" style="10"/>
    <col min="4097" max="4100" width="17.875" style="10" customWidth="1"/>
    <col min="4101" max="4352" width="8.625" style="10"/>
    <col min="4353" max="4356" width="17.875" style="10" customWidth="1"/>
    <col min="4357" max="4608" width="8.625" style="10"/>
    <col min="4609" max="4612" width="17.875" style="10" customWidth="1"/>
    <col min="4613" max="4864" width="8.625" style="10"/>
    <col min="4865" max="4868" width="17.875" style="10" customWidth="1"/>
    <col min="4869" max="5120" width="8.625" style="10"/>
    <col min="5121" max="5124" width="17.875" style="10" customWidth="1"/>
    <col min="5125" max="5376" width="8.625" style="10"/>
    <col min="5377" max="5380" width="17.875" style="10" customWidth="1"/>
    <col min="5381" max="5632" width="8.625" style="10"/>
    <col min="5633" max="5636" width="17.875" style="10" customWidth="1"/>
    <col min="5637" max="5888" width="8.625" style="10"/>
    <col min="5889" max="5892" width="17.875" style="10" customWidth="1"/>
    <col min="5893" max="6144" width="8.625" style="10"/>
    <col min="6145" max="6148" width="17.875" style="10" customWidth="1"/>
    <col min="6149" max="6400" width="8.625" style="10"/>
    <col min="6401" max="6404" width="17.875" style="10" customWidth="1"/>
    <col min="6405" max="6656" width="8.625" style="10"/>
    <col min="6657" max="6660" width="17.875" style="10" customWidth="1"/>
    <col min="6661" max="6912" width="8.625" style="10"/>
    <col min="6913" max="6916" width="17.875" style="10" customWidth="1"/>
    <col min="6917" max="7168" width="8.625" style="10"/>
    <col min="7169" max="7172" width="17.875" style="10" customWidth="1"/>
    <col min="7173" max="7424" width="8.625" style="10"/>
    <col min="7425" max="7428" width="17.875" style="10" customWidth="1"/>
    <col min="7429" max="7680" width="8.625" style="10"/>
    <col min="7681" max="7684" width="17.875" style="10" customWidth="1"/>
    <col min="7685" max="7936" width="8.625" style="10"/>
    <col min="7937" max="7940" width="17.875" style="10" customWidth="1"/>
    <col min="7941" max="8192" width="8.625" style="10"/>
    <col min="8193" max="8196" width="17.875" style="10" customWidth="1"/>
    <col min="8197" max="8448" width="8.625" style="10"/>
    <col min="8449" max="8452" width="17.875" style="10" customWidth="1"/>
    <col min="8453" max="8704" width="8.625" style="10"/>
    <col min="8705" max="8708" width="17.875" style="10" customWidth="1"/>
    <col min="8709" max="8960" width="8.625" style="10"/>
    <col min="8961" max="8964" width="17.875" style="10" customWidth="1"/>
    <col min="8965" max="9216" width="8.625" style="10"/>
    <col min="9217" max="9220" width="17.875" style="10" customWidth="1"/>
    <col min="9221" max="9472" width="8.625" style="10"/>
    <col min="9473" max="9476" width="17.875" style="10" customWidth="1"/>
    <col min="9477" max="9728" width="8.625" style="10"/>
    <col min="9729" max="9732" width="17.875" style="10" customWidth="1"/>
    <col min="9733" max="9984" width="8.625" style="10"/>
    <col min="9985" max="9988" width="17.875" style="10" customWidth="1"/>
    <col min="9989" max="10240" width="8.625" style="10"/>
    <col min="10241" max="10244" width="17.875" style="10" customWidth="1"/>
    <col min="10245" max="10496" width="8.625" style="10"/>
    <col min="10497" max="10500" width="17.875" style="10" customWidth="1"/>
    <col min="10501" max="10752" width="8.625" style="10"/>
    <col min="10753" max="10756" width="17.875" style="10" customWidth="1"/>
    <col min="10757" max="11008" width="8.625" style="10"/>
    <col min="11009" max="11012" width="17.875" style="10" customWidth="1"/>
    <col min="11013" max="11264" width="8.625" style="10"/>
    <col min="11265" max="11268" width="17.875" style="10" customWidth="1"/>
    <col min="11269" max="11520" width="8.625" style="10"/>
    <col min="11521" max="11524" width="17.875" style="10" customWidth="1"/>
    <col min="11525" max="11776" width="8.625" style="10"/>
    <col min="11777" max="11780" width="17.875" style="10" customWidth="1"/>
    <col min="11781" max="12032" width="8.625" style="10"/>
    <col min="12033" max="12036" width="17.875" style="10" customWidth="1"/>
    <col min="12037" max="12288" width="8.625" style="10"/>
    <col min="12289" max="12292" width="17.875" style="10" customWidth="1"/>
    <col min="12293" max="12544" width="8.625" style="10"/>
    <col min="12545" max="12548" width="17.875" style="10" customWidth="1"/>
    <col min="12549" max="12800" width="8.625" style="10"/>
    <col min="12801" max="12804" width="17.875" style="10" customWidth="1"/>
    <col min="12805" max="13056" width="8.625" style="10"/>
    <col min="13057" max="13060" width="17.875" style="10" customWidth="1"/>
    <col min="13061" max="13312" width="8.625" style="10"/>
    <col min="13313" max="13316" width="17.875" style="10" customWidth="1"/>
    <col min="13317" max="13568" width="8.625" style="10"/>
    <col min="13569" max="13572" width="17.875" style="10" customWidth="1"/>
    <col min="13573" max="13824" width="8.625" style="10"/>
    <col min="13825" max="13828" width="17.875" style="10" customWidth="1"/>
    <col min="13829" max="14080" width="8.625" style="10"/>
    <col min="14081" max="14084" width="17.875" style="10" customWidth="1"/>
    <col min="14085" max="14336" width="8.625" style="10"/>
    <col min="14337" max="14340" width="17.875" style="10" customWidth="1"/>
    <col min="14341" max="14592" width="8.625" style="10"/>
    <col min="14593" max="14596" width="17.875" style="10" customWidth="1"/>
    <col min="14597" max="14848" width="8.625" style="10"/>
    <col min="14849" max="14852" width="17.875" style="10" customWidth="1"/>
    <col min="14853" max="15104" width="8.625" style="10"/>
    <col min="15105" max="15108" width="17.875" style="10" customWidth="1"/>
    <col min="15109" max="15360" width="8.625" style="10"/>
    <col min="15361" max="15364" width="17.875" style="10" customWidth="1"/>
    <col min="15365" max="15616" width="8.625" style="10"/>
    <col min="15617" max="15620" width="17.875" style="10" customWidth="1"/>
    <col min="15621" max="15872" width="8.625" style="10"/>
    <col min="15873" max="15876" width="17.875" style="10" customWidth="1"/>
    <col min="15877" max="16128" width="8.625" style="10"/>
    <col min="16129" max="16132" width="17.875" style="10" customWidth="1"/>
    <col min="16133" max="16384" width="8.625" style="10"/>
  </cols>
  <sheetData>
    <row r="1" spans="1:4">
      <c r="A1" s="102" t="s">
        <v>105</v>
      </c>
      <c r="B1" s="102"/>
      <c r="C1" s="102"/>
      <c r="D1" s="102"/>
    </row>
    <row r="2" spans="1:4" ht="6" customHeight="1"/>
    <row r="3" spans="1:4">
      <c r="A3" s="102" t="s">
        <v>79</v>
      </c>
      <c r="B3" s="102"/>
      <c r="C3" s="102"/>
      <c r="D3" s="102"/>
    </row>
    <row r="5" spans="1:4" ht="30.75" customHeight="1">
      <c r="D5" s="11" t="s">
        <v>9</v>
      </c>
    </row>
    <row r="6" spans="1:4" ht="18.75" customHeight="1">
      <c r="A6" s="103" t="s">
        <v>10</v>
      </c>
      <c r="B6" s="104"/>
      <c r="C6" s="103" t="s">
        <v>11</v>
      </c>
      <c r="D6" s="104"/>
    </row>
    <row r="7" spans="1:4" ht="18.75" customHeight="1">
      <c r="A7" s="12" t="s">
        <v>12</v>
      </c>
      <c r="B7" s="12" t="s">
        <v>13</v>
      </c>
      <c r="C7" s="12" t="s">
        <v>14</v>
      </c>
      <c r="D7" s="12" t="s">
        <v>13</v>
      </c>
    </row>
    <row r="8" spans="1:4" ht="18.75" customHeight="1">
      <c r="A8" s="13"/>
      <c r="B8" s="32"/>
      <c r="C8" s="30"/>
      <c r="D8" s="30"/>
    </row>
    <row r="9" spans="1:4" ht="18.75" customHeight="1">
      <c r="A9" s="13" t="s">
        <v>15</v>
      </c>
      <c r="B9" s="33">
        <v>800000</v>
      </c>
      <c r="C9" s="15" t="s">
        <v>80</v>
      </c>
      <c r="D9" s="33">
        <v>1600000</v>
      </c>
    </row>
    <row r="10" spans="1:4" ht="18.75" customHeight="1">
      <c r="A10" s="13"/>
      <c r="B10" s="33"/>
      <c r="C10" s="15"/>
      <c r="D10" s="33"/>
    </row>
    <row r="11" spans="1:4" ht="18.75" customHeight="1">
      <c r="A11" s="13" t="s">
        <v>16</v>
      </c>
      <c r="B11" s="33">
        <v>800000</v>
      </c>
      <c r="C11" s="15" t="s">
        <v>81</v>
      </c>
      <c r="D11" s="33"/>
    </row>
    <row r="12" spans="1:4" ht="18.75" customHeight="1">
      <c r="A12" s="13"/>
      <c r="B12" s="33"/>
      <c r="C12" s="15"/>
      <c r="D12" s="33"/>
    </row>
    <row r="13" spans="1:4" ht="18.75" customHeight="1">
      <c r="A13" s="13" t="s">
        <v>19</v>
      </c>
      <c r="B13" s="33">
        <v>0</v>
      </c>
      <c r="C13" s="15" t="s">
        <v>82</v>
      </c>
      <c r="D13" s="33"/>
    </row>
    <row r="14" spans="1:4" ht="18.75" customHeight="1">
      <c r="A14" s="13"/>
      <c r="B14" s="33"/>
      <c r="C14" s="15"/>
      <c r="D14" s="33"/>
    </row>
    <row r="15" spans="1:4" ht="18.75" customHeight="1">
      <c r="A15" s="13"/>
      <c r="B15" s="33"/>
      <c r="C15" s="15" t="s">
        <v>83</v>
      </c>
      <c r="D15" s="33"/>
    </row>
    <row r="16" spans="1:4" ht="18.75" customHeight="1">
      <c r="A16" s="16"/>
      <c r="B16" s="34"/>
      <c r="C16" s="17"/>
      <c r="D16" s="34"/>
    </row>
    <row r="17" spans="1:4" ht="30" customHeight="1">
      <c r="A17" s="12" t="s">
        <v>17</v>
      </c>
      <c r="B17" s="35">
        <f>SUM(B8:B16)</f>
        <v>1600000</v>
      </c>
      <c r="C17" s="19" t="s">
        <v>17</v>
      </c>
      <c r="D17" s="35">
        <f>SUM(D9:D16)</f>
        <v>1600000</v>
      </c>
    </row>
    <row r="20" spans="1:4">
      <c r="A20" s="31" t="s">
        <v>84</v>
      </c>
    </row>
    <row r="22" spans="1:4">
      <c r="A22" s="10" t="s">
        <v>18</v>
      </c>
    </row>
    <row r="24" spans="1:4">
      <c r="B24" s="20" t="s">
        <v>86</v>
      </c>
    </row>
    <row r="25" spans="1:4">
      <c r="B25" s="20"/>
    </row>
    <row r="26" spans="1:4">
      <c r="B26" s="20" t="s">
        <v>85</v>
      </c>
    </row>
    <row r="27" spans="1:4">
      <c r="B27" s="20"/>
    </row>
    <row r="28" spans="1:4">
      <c r="B28" s="20" t="s">
        <v>59</v>
      </c>
      <c r="D28" s="36"/>
    </row>
    <row r="29" spans="1:4">
      <c r="B29" s="20"/>
    </row>
  </sheetData>
  <mergeCells count="4">
    <mergeCell ref="A1:D1"/>
    <mergeCell ref="A3:D3"/>
    <mergeCell ref="A6:B6"/>
    <mergeCell ref="C6:D6"/>
  </mergeCells>
  <phoneticPr fontId="2"/>
  <printOptions horizontalCentered="1"/>
  <pageMargins left="0.78740157480314965" right="0.78740157480314965" top="1.5748031496062993" bottom="0.78740157480314965" header="0.78740157480314965" footer="0.39370078740157483"/>
  <pageSetup paperSize="9" scale="92" orientation="portrait" r:id="rId1"/>
  <headerFooter alignWithMargins="0">
    <oddHeader>&amp;L様式１関係</oddHeader>
  </headerFooter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rgb="FF92D050"/>
  </sheetPr>
  <dimension ref="B1:K25"/>
  <sheetViews>
    <sheetView view="pageBreakPreview" topLeftCell="A6" zoomScaleNormal="100" zoomScaleSheetLayoutView="100" workbookViewId="0">
      <selection activeCell="K18" sqref="K18"/>
    </sheetView>
  </sheetViews>
  <sheetFormatPr defaultColWidth="8.625" defaultRowHeight="13.5"/>
  <cols>
    <col min="1" max="1" width="2.375" style="38" customWidth="1"/>
    <col min="2" max="2" width="10.625" style="37" bestFit="1" customWidth="1"/>
    <col min="3" max="3" width="23.875" style="38" customWidth="1"/>
    <col min="4" max="4" width="12.125" style="38" customWidth="1"/>
    <col min="5" max="11" width="3.375" style="38" customWidth="1"/>
    <col min="12" max="12" width="11.375" style="38" customWidth="1"/>
    <col min="13" max="16384" width="8.625" style="38"/>
  </cols>
  <sheetData>
    <row r="1" spans="2:11" ht="26.25" customHeight="1">
      <c r="H1" s="39"/>
      <c r="I1" s="115"/>
      <c r="J1" s="115"/>
      <c r="K1" s="115"/>
    </row>
    <row r="4" spans="2:11" ht="18.75">
      <c r="B4" s="116" t="s">
        <v>26</v>
      </c>
      <c r="C4" s="116"/>
      <c r="D4" s="116"/>
      <c r="E4" s="116"/>
      <c r="F4" s="116"/>
      <c r="G4" s="116"/>
      <c r="H4" s="116"/>
      <c r="I4" s="116"/>
      <c r="J4" s="116"/>
    </row>
    <row r="5" spans="2:11" ht="31.5" customHeight="1"/>
    <row r="6" spans="2:11" ht="39.950000000000003" customHeight="1">
      <c r="B6" s="117" t="s">
        <v>27</v>
      </c>
      <c r="C6" s="119"/>
      <c r="D6" s="120"/>
      <c r="E6" s="120" t="s">
        <v>28</v>
      </c>
      <c r="F6" s="120"/>
      <c r="G6" s="120"/>
      <c r="H6" s="120"/>
      <c r="I6" s="120"/>
      <c r="J6" s="120"/>
      <c r="K6" s="121"/>
    </row>
    <row r="7" spans="2:11" ht="39.950000000000003" customHeight="1">
      <c r="B7" s="118"/>
      <c r="C7" s="119"/>
      <c r="D7" s="120"/>
      <c r="E7" s="120"/>
      <c r="F7" s="120"/>
      <c r="G7" s="120" t="s">
        <v>29</v>
      </c>
      <c r="H7" s="120"/>
      <c r="I7" s="120"/>
      <c r="J7" s="120"/>
      <c r="K7" s="121"/>
    </row>
    <row r="8" spans="2:11" ht="39.950000000000003" customHeight="1">
      <c r="B8" s="40" t="s">
        <v>30</v>
      </c>
      <c r="C8" s="41" t="s">
        <v>31</v>
      </c>
      <c r="D8" s="41" t="s">
        <v>32</v>
      </c>
      <c r="E8" s="42"/>
      <c r="F8" s="42"/>
      <c r="G8" s="42"/>
      <c r="H8" s="42"/>
      <c r="I8" s="42"/>
      <c r="J8" s="42"/>
      <c r="K8" s="43"/>
    </row>
    <row r="9" spans="2:11" ht="21.95" customHeight="1">
      <c r="B9" s="44" t="s">
        <v>33</v>
      </c>
      <c r="C9" s="107"/>
      <c r="D9" s="108"/>
      <c r="E9" s="108"/>
      <c r="F9" s="108"/>
      <c r="G9" s="108"/>
      <c r="H9" s="108"/>
      <c r="I9" s="108"/>
      <c r="J9" s="108"/>
      <c r="K9" s="109"/>
    </row>
    <row r="10" spans="2:11" ht="39.950000000000003" customHeight="1">
      <c r="B10" s="40" t="s">
        <v>34</v>
      </c>
      <c r="C10" s="110"/>
      <c r="D10" s="111"/>
      <c r="E10" s="111"/>
      <c r="F10" s="111"/>
      <c r="G10" s="111"/>
      <c r="H10" s="111"/>
      <c r="I10" s="111"/>
      <c r="J10" s="111"/>
      <c r="K10" s="112"/>
    </row>
    <row r="11" spans="2:11" ht="15.95" customHeight="1">
      <c r="K11" s="39" t="s">
        <v>35</v>
      </c>
    </row>
    <row r="12" spans="2:11" ht="15.95" customHeight="1"/>
    <row r="13" spans="2:11" ht="15.95" customHeight="1">
      <c r="H13" s="39"/>
    </row>
    <row r="14" spans="2:11" ht="15.95" customHeight="1">
      <c r="B14" s="113" t="s">
        <v>41</v>
      </c>
      <c r="C14" s="113"/>
    </row>
    <row r="15" spans="2:11" ht="15.95" customHeight="1">
      <c r="B15" s="45"/>
      <c r="C15" s="45"/>
    </row>
    <row r="16" spans="2:11" ht="15.95" customHeight="1"/>
    <row r="17" spans="2:11" ht="15.95" customHeight="1">
      <c r="B17" s="37" t="s">
        <v>36</v>
      </c>
    </row>
    <row r="18" spans="2:11" ht="15.95" customHeight="1"/>
    <row r="19" spans="2:11" ht="15.95" customHeight="1"/>
    <row r="20" spans="2:11" s="48" customFormat="1" ht="30" customHeight="1">
      <c r="B20" s="46"/>
      <c r="C20" s="47" t="s">
        <v>37</v>
      </c>
      <c r="D20" s="114"/>
      <c r="E20" s="114"/>
      <c r="F20" s="114"/>
      <c r="G20" s="46"/>
      <c r="H20" s="46"/>
      <c r="I20" s="46"/>
      <c r="J20" s="46"/>
      <c r="K20" s="46"/>
    </row>
    <row r="21" spans="2:11" s="48" customFormat="1" ht="30" customHeight="1">
      <c r="B21" s="46"/>
      <c r="C21" s="47" t="s">
        <v>38</v>
      </c>
      <c r="D21" s="105"/>
      <c r="E21" s="105"/>
      <c r="F21" s="105"/>
      <c r="G21" s="105"/>
      <c r="H21" s="105"/>
      <c r="I21" s="105"/>
      <c r="J21" s="105"/>
      <c r="K21" s="105"/>
    </row>
    <row r="22" spans="2:11" s="48" customFormat="1" ht="30" customHeight="1">
      <c r="B22" s="46"/>
      <c r="C22" s="47"/>
      <c r="D22" s="106"/>
      <c r="E22" s="105"/>
      <c r="F22" s="105"/>
      <c r="G22" s="105"/>
      <c r="H22" s="105"/>
      <c r="I22" s="105"/>
      <c r="J22" s="105"/>
      <c r="K22" s="105"/>
    </row>
    <row r="23" spans="2:11" s="48" customFormat="1" ht="30" customHeight="1">
      <c r="B23" s="46"/>
      <c r="C23" s="47" t="s">
        <v>39</v>
      </c>
      <c r="D23" s="105"/>
      <c r="E23" s="105"/>
      <c r="F23" s="105"/>
      <c r="G23" s="105"/>
      <c r="H23" s="105"/>
      <c r="I23" s="105"/>
      <c r="J23" s="105"/>
      <c r="K23" s="105"/>
    </row>
    <row r="24" spans="2:11" s="48" customFormat="1" ht="30" customHeight="1">
      <c r="B24" s="46"/>
      <c r="C24" s="47" t="s">
        <v>40</v>
      </c>
      <c r="D24" s="106"/>
      <c r="E24" s="106"/>
      <c r="F24" s="106"/>
      <c r="G24" s="106"/>
      <c r="H24" s="106"/>
      <c r="I24" s="106"/>
      <c r="J24" s="106"/>
      <c r="K24" s="106"/>
    </row>
    <row r="25" spans="2:11" s="48" customFormat="1">
      <c r="B25" s="46"/>
    </row>
  </sheetData>
  <mergeCells count="15">
    <mergeCell ref="I1:K1"/>
    <mergeCell ref="B4:J4"/>
    <mergeCell ref="B6:B7"/>
    <mergeCell ref="C6:D6"/>
    <mergeCell ref="E6:K6"/>
    <mergeCell ref="C7:F7"/>
    <mergeCell ref="G7:K7"/>
    <mergeCell ref="D23:K23"/>
    <mergeCell ref="D24:K24"/>
    <mergeCell ref="C9:K9"/>
    <mergeCell ref="C10:K10"/>
    <mergeCell ref="B14:C14"/>
    <mergeCell ref="D20:F20"/>
    <mergeCell ref="D21:K21"/>
    <mergeCell ref="D22:K22"/>
  </mergeCells>
  <phoneticPr fontId="2"/>
  <dataValidations count="2">
    <dataValidation imeMode="off" allowBlank="1" showInputMessage="1" showErrorMessage="1" sqref="B14:B15 D20 E8:K8" xr:uid="{00000000-0002-0000-0700-000000000000}"/>
    <dataValidation imeMode="fullKatakana" allowBlank="1" showInputMessage="1" showErrorMessage="1" sqref="C9:K9" xr:uid="{00000000-0002-0000-0700-000001000000}"/>
  </dataValidations>
  <pageMargins left="0.91" right="1" top="0.8" bottom="0.68" header="0.51200000000000001" footer="0.44"/>
  <pageSetup paperSize="9" orientation="portrait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B1:K25"/>
  <sheetViews>
    <sheetView view="pageBreakPreview" zoomScaleNormal="100" zoomScaleSheetLayoutView="100" workbookViewId="0">
      <selection activeCell="B15" sqref="B15"/>
    </sheetView>
  </sheetViews>
  <sheetFormatPr defaultColWidth="8.625" defaultRowHeight="13.5"/>
  <cols>
    <col min="1" max="1" width="2.375" style="38" customWidth="1"/>
    <col min="2" max="2" width="10.625" style="37" bestFit="1" customWidth="1"/>
    <col min="3" max="3" width="23.875" style="38" customWidth="1"/>
    <col min="4" max="4" width="12.125" style="38" customWidth="1"/>
    <col min="5" max="11" width="3.375" style="38" customWidth="1"/>
    <col min="12" max="26" width="2.375" style="38" customWidth="1"/>
    <col min="27" max="16384" width="8.625" style="38"/>
  </cols>
  <sheetData>
    <row r="1" spans="2:11" ht="26.25" customHeight="1">
      <c r="G1" s="48"/>
      <c r="H1" s="47"/>
      <c r="I1" s="134"/>
      <c r="J1" s="134"/>
      <c r="K1" s="134"/>
    </row>
    <row r="4" spans="2:11" ht="18.75">
      <c r="D4" s="49" t="s">
        <v>26</v>
      </c>
    </row>
    <row r="5" spans="2:11" ht="31.5" customHeight="1"/>
    <row r="6" spans="2:11" ht="39.950000000000003" customHeight="1">
      <c r="B6" s="117" t="s">
        <v>27</v>
      </c>
      <c r="C6" s="135" t="s">
        <v>42</v>
      </c>
      <c r="D6" s="136"/>
      <c r="E6" s="137" t="s">
        <v>43</v>
      </c>
      <c r="F6" s="137"/>
      <c r="G6" s="137"/>
      <c r="H6" s="137"/>
      <c r="I6" s="137"/>
      <c r="J6" s="137"/>
      <c r="K6" s="138"/>
    </row>
    <row r="7" spans="2:11" ht="39.950000000000003" customHeight="1">
      <c r="B7" s="118"/>
      <c r="C7" s="135" t="s">
        <v>44</v>
      </c>
      <c r="D7" s="136"/>
      <c r="E7" s="136"/>
      <c r="F7" s="136"/>
      <c r="G7" s="137" t="s">
        <v>45</v>
      </c>
      <c r="H7" s="137"/>
      <c r="I7" s="137"/>
      <c r="J7" s="137"/>
      <c r="K7" s="138"/>
    </row>
    <row r="8" spans="2:11" ht="39.950000000000003" customHeight="1">
      <c r="B8" s="40" t="s">
        <v>30</v>
      </c>
      <c r="C8" s="51" t="s">
        <v>46</v>
      </c>
      <c r="D8" s="50" t="s">
        <v>32</v>
      </c>
      <c r="E8" s="52" t="s">
        <v>47</v>
      </c>
      <c r="F8" s="53" t="s">
        <v>48</v>
      </c>
      <c r="G8" s="53" t="s">
        <v>49</v>
      </c>
      <c r="H8" s="53" t="s">
        <v>50</v>
      </c>
      <c r="I8" s="53" t="s">
        <v>51</v>
      </c>
      <c r="J8" s="53" t="s">
        <v>52</v>
      </c>
      <c r="K8" s="54" t="s">
        <v>53</v>
      </c>
    </row>
    <row r="9" spans="2:11" ht="21.95" customHeight="1">
      <c r="B9" s="44" t="s">
        <v>54</v>
      </c>
      <c r="C9" s="125" t="s">
        <v>55</v>
      </c>
      <c r="D9" s="126"/>
      <c r="E9" s="126"/>
      <c r="F9" s="126"/>
      <c r="G9" s="126"/>
      <c r="H9" s="126"/>
      <c r="I9" s="126"/>
      <c r="J9" s="126"/>
      <c r="K9" s="127"/>
    </row>
    <row r="10" spans="2:11" ht="39.950000000000003" customHeight="1">
      <c r="B10" s="40" t="s">
        <v>34</v>
      </c>
      <c r="C10" s="128" t="s">
        <v>56</v>
      </c>
      <c r="D10" s="129"/>
      <c r="E10" s="129"/>
      <c r="F10" s="129"/>
      <c r="G10" s="129"/>
      <c r="H10" s="129"/>
      <c r="I10" s="129"/>
      <c r="J10" s="129"/>
      <c r="K10" s="130"/>
    </row>
    <row r="11" spans="2:11" ht="15.95" customHeight="1">
      <c r="K11" s="39" t="s">
        <v>35</v>
      </c>
    </row>
    <row r="12" spans="2:11" ht="15.95" customHeight="1"/>
    <row r="13" spans="2:11" ht="15.95" customHeight="1">
      <c r="H13" s="39"/>
    </row>
    <row r="14" spans="2:11" ht="15.95" customHeight="1">
      <c r="B14" s="131" t="s">
        <v>100</v>
      </c>
      <c r="C14" s="131"/>
    </row>
    <row r="15" spans="2:11" ht="15.95" customHeight="1">
      <c r="B15" s="45"/>
      <c r="C15" s="45"/>
    </row>
    <row r="16" spans="2:11" ht="15.95" customHeight="1"/>
    <row r="17" spans="2:11" ht="15.95" customHeight="1">
      <c r="B17" s="37" t="s">
        <v>36</v>
      </c>
    </row>
    <row r="18" spans="2:11" ht="15.95" customHeight="1"/>
    <row r="19" spans="2:11" ht="15.95" customHeight="1"/>
    <row r="20" spans="2:11" s="48" customFormat="1" ht="30" customHeight="1">
      <c r="B20" s="46"/>
      <c r="C20" s="47" t="s">
        <v>37</v>
      </c>
      <c r="D20" s="132" t="s">
        <v>57</v>
      </c>
      <c r="E20" s="132"/>
      <c r="F20" s="132"/>
      <c r="G20" s="46"/>
      <c r="H20" s="46"/>
      <c r="I20" s="46"/>
      <c r="J20" s="46"/>
      <c r="K20" s="46"/>
    </row>
    <row r="21" spans="2:11" s="48" customFormat="1" ht="30" customHeight="1">
      <c r="B21" s="46"/>
      <c r="C21" s="47" t="s">
        <v>38</v>
      </c>
      <c r="D21" s="133" t="s">
        <v>88</v>
      </c>
      <c r="E21" s="133"/>
      <c r="F21" s="133"/>
      <c r="G21" s="133"/>
      <c r="H21" s="133"/>
      <c r="I21" s="133"/>
      <c r="J21" s="133"/>
      <c r="K21" s="133"/>
    </row>
    <row r="22" spans="2:11" s="48" customFormat="1" ht="30" customHeight="1">
      <c r="B22" s="46"/>
      <c r="C22" s="47"/>
      <c r="D22" s="124"/>
      <c r="E22" s="133"/>
      <c r="F22" s="133"/>
      <c r="G22" s="133"/>
      <c r="H22" s="133"/>
      <c r="I22" s="133"/>
      <c r="J22" s="133"/>
      <c r="K22" s="133"/>
    </row>
    <row r="23" spans="2:11" s="48" customFormat="1" ht="30" customHeight="1">
      <c r="B23" s="46"/>
      <c r="C23" s="47" t="s">
        <v>39</v>
      </c>
      <c r="D23" s="122" t="s">
        <v>87</v>
      </c>
      <c r="E23" s="123"/>
      <c r="F23" s="123"/>
      <c r="G23" s="123"/>
      <c r="H23" s="123"/>
      <c r="I23" s="123"/>
      <c r="J23" s="123"/>
      <c r="K23" s="123"/>
    </row>
    <row r="24" spans="2:11" s="48" customFormat="1" ht="30" customHeight="1">
      <c r="B24" s="46"/>
      <c r="C24" s="47" t="s">
        <v>40</v>
      </c>
      <c r="D24" s="124" t="s">
        <v>58</v>
      </c>
      <c r="E24" s="124"/>
      <c r="F24" s="124"/>
      <c r="G24" s="124"/>
      <c r="H24" s="124"/>
      <c r="I24" s="124"/>
      <c r="J24" s="124"/>
      <c r="K24" s="124"/>
    </row>
    <row r="25" spans="2:11" s="48" customFormat="1">
      <c r="B25" s="46"/>
    </row>
  </sheetData>
  <mergeCells count="14">
    <mergeCell ref="I1:K1"/>
    <mergeCell ref="B6:B7"/>
    <mergeCell ref="C6:D6"/>
    <mergeCell ref="E6:K6"/>
    <mergeCell ref="C7:F7"/>
    <mergeCell ref="G7:K7"/>
    <mergeCell ref="D23:K23"/>
    <mergeCell ref="D24:K24"/>
    <mergeCell ref="C9:K9"/>
    <mergeCell ref="C10:K10"/>
    <mergeCell ref="B14:C14"/>
    <mergeCell ref="D20:F20"/>
    <mergeCell ref="D21:K21"/>
    <mergeCell ref="D22:K22"/>
  </mergeCells>
  <phoneticPr fontId="2"/>
  <dataValidations count="2">
    <dataValidation imeMode="off" allowBlank="1" showInputMessage="1" showErrorMessage="1" sqref="I1:K1 D20 B14:B15 E8:K8" xr:uid="{00000000-0002-0000-0800-000000000000}"/>
    <dataValidation imeMode="fullKatakana" allowBlank="1" showInputMessage="1" showErrorMessage="1" sqref="C9:K9" xr:uid="{00000000-0002-0000-0800-000001000000}"/>
  </dataValidations>
  <pageMargins left="0.64" right="0.59" top="0.8" bottom="0.68" header="0.51200000000000001" footer="0.44"/>
  <pageSetup paperSize="9" orientation="portrait" horizont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6</vt:i4>
      </vt:variant>
    </vt:vector>
  </HeadingPairs>
  <TitlesOfParts>
    <vt:vector size="15" baseType="lpstr">
      <vt:lpstr>経費精算額調書</vt:lpstr>
      <vt:lpstr>Sheet</vt:lpstr>
      <vt:lpstr>経費精算額調書 (記入例)</vt:lpstr>
      <vt:lpstr>事業実績報告書</vt:lpstr>
      <vt:lpstr>事業実績報告書 (記入例)</vt:lpstr>
      <vt:lpstr>当該事業に係る歳入歳出決算書の抄本</vt:lpstr>
      <vt:lpstr>当該事業に係る歳入歳出決算書の抄本 (記入例）</vt:lpstr>
      <vt:lpstr>（参考）口座振込申出書</vt:lpstr>
      <vt:lpstr>口座振込申出書（記入例）</vt:lpstr>
      <vt:lpstr>経費精算額調書!Print_Area</vt:lpstr>
      <vt:lpstr>'経費精算額調書 (記入例)'!Print_Area</vt:lpstr>
      <vt:lpstr>'口座振込申出書（記入例）'!Print_Area</vt:lpstr>
      <vt:lpstr>事業実績報告書!Print_Area</vt:lpstr>
      <vt:lpstr>'事業実績報告書 (記入例)'!Print_Area</vt:lpstr>
      <vt:lpstr>当該事業に係る歳入歳出決算書の抄本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堰 幸恵</dc:creator>
  <cp:lastModifiedBy>user</cp:lastModifiedBy>
  <cp:lastPrinted>2025-03-05T00:55:28Z</cp:lastPrinted>
  <dcterms:created xsi:type="dcterms:W3CDTF">2019-11-19T05:37:25Z</dcterms:created>
  <dcterms:modified xsi:type="dcterms:W3CDTF">2026-03-03T02:34:45Z</dcterms:modified>
</cp:coreProperties>
</file>